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JPG" ContentType="image/jpe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0827"/>
  <workbookPr autoCompressPictures="0"/>
  <mc:AlternateContent xmlns:mc="http://schemas.openxmlformats.org/markup-compatibility/2006">
    <mc:Choice Requires="x15">
      <x15ac:absPath xmlns:x15ac="http://schemas.microsoft.com/office/spreadsheetml/2010/11/ac" url="C:\Users\s431240\Dropbox\2017 RWS\RWS Data\RWS DataTables\Data Tables by Regions and Groups\RDAsLGAs regions\"/>
    </mc:Choice>
  </mc:AlternateContent>
  <xr:revisionPtr revIDLastSave="0" documentId="13_ncr:1_{9D79D338-8134-4783-AB55-297883E3FFFF}" xr6:coauthVersionLast="37" xr6:coauthVersionMax="37" xr10:uidLastSave="{00000000-0000-0000-0000-000000000000}"/>
  <bookViews>
    <workbookView xWindow="2085" yWindow="225" windowWidth="20370" windowHeight="1170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79021"/>
</workbook>
</file>

<file path=xl/sharedStrings.xml><?xml version="1.0" encoding="utf-8"?>
<sst xmlns="http://schemas.openxmlformats.org/spreadsheetml/2006/main" count="2414" uniqueCount="499">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ommunity wellbeing measures </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Access to food and retail shops</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Community wellbeing measures</t>
  </si>
  <si>
    <t xml:space="preserve">Each individual item used to create the Community Wellbeing Index is presented individually. </t>
  </si>
  <si>
    <t>Changes in liveability ('getting worse' (1) to 'getting better' (7))</t>
  </si>
  <si>
    <t>Likelihood of shifting</t>
  </si>
  <si>
    <t>Wellbeing of people</t>
  </si>
  <si>
    <t>Wellbeing of communities</t>
  </si>
  <si>
    <t>Each individual item used to create the 'household financial wellbeing' scale is presented individually</t>
  </si>
  <si>
    <t>Financial distress ('no financial distress' (0) to 'highest level of financial distress' (10))</t>
  </si>
  <si>
    <t>Each individual item used to create the 'community economic wellbeing' scale is presented individually</t>
  </si>
  <si>
    <t>Self-efficacy (average score, from a possible 1-7)</t>
  </si>
  <si>
    <t>Each individual item used to create the 'self-efficacy' scale is presented individually</t>
  </si>
  <si>
    <t>Institutional Capital</t>
  </si>
  <si>
    <t>Each individual item used to create the 'having a say and being heard' scale is presented individually</t>
  </si>
  <si>
    <t>Equity and inclusion (average score, from a possible 1-7)</t>
  </si>
  <si>
    <t>Each individual item used to create the 'spending time with friends and family' scale is presented individually</t>
  </si>
  <si>
    <t>Each individual item used to create the 'getting involved' scale is presented individually</t>
  </si>
  <si>
    <t>Participation in volunteering - distribution of responses</t>
  </si>
  <si>
    <t>Access to roads and public transport (average score, from a possible 1-7)</t>
  </si>
  <si>
    <t>Access to food and retail shops  (average score, from a possible 1-7)</t>
  </si>
  <si>
    <t>Access to telecommunications measures</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 xml:space="preserve">Mean score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Each individual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The local landscape and surrounds in this community are…..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  $52,000-$129,999</t>
  </si>
  <si>
    <t>Confidence interval for %  $130,000+</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Roads
(Measured 'very poor' (1) to 'very good' (7))</t>
  </si>
  <si>
    <t>Public transport (including taxis, buses, trains)
(Measured 'very poor' (1) to 'very good' (7))</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Each individual item used to create the 'perceived environmental health' scale is presented individually</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were very comfortable or prosperous</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prosperous, very comfortable, reasonably comfortable, just getting along, po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ndividual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t>
  </si>
  <si>
    <t>Eudaimonic Wellbeing Domains</t>
  </si>
  <si>
    <t xml:space="preserve">To what extent do you feel the things you do in your life are worthwhile?
</t>
  </si>
  <si>
    <t>How much do you feel your life has purpose?</t>
  </si>
  <si>
    <t xml:space="preserve">How meaningful does your life feel?
</t>
  </si>
  <si>
    <t>I would recommend my community to others as a good place to live
(Measured 'strongly disagree' (1) to 'strongly agree' (7))</t>
  </si>
  <si>
    <t>Migration</t>
  </si>
  <si>
    <t>People shifting away from the area
(measured 'not a problem' (1) to 'very big problem' (7))</t>
  </si>
  <si>
    <t>Local employment opportunities</t>
  </si>
  <si>
    <t>Availability of local jobs
(Measured 'very poor' (1) to 'very good' (7))</t>
  </si>
  <si>
    <t>% residents who rated it as poor</t>
  </si>
  <si>
    <t xml:space="preserve">% residents who rated it as neither poor or good </t>
  </si>
  <si>
    <t>% residents who rated it as good</t>
  </si>
  <si>
    <t>I have the skills and education I need to achieve what I want to in life
(Measured 'strongly disagree' (1) to 'strongly agree' (7))</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I can get involved in local decision-making processes if I want to.
Responses to these statements were averaged to form a single measure, from 1 (low feelings of having a say and being heard) to 7 (high feelings of having a say and being heard).</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Quality of community events</t>
  </si>
  <si>
    <t>Community events e.g. festivals
'(Measured 'very poor' (1) to 'very good' (7))</t>
  </si>
  <si>
    <t>% residents who rated quality of community events poorly</t>
  </si>
  <si>
    <t>% residents who rated quality of community events moderately</t>
  </si>
  <si>
    <t>Health services
(Measured 'very poor' (1) to 'very good' (7))</t>
  </si>
  <si>
    <t>Local schools
(Measured 'very poor' (1) to 'very good' (7))</t>
  </si>
  <si>
    <t>Access to health and education services</t>
  </si>
  <si>
    <t>Availability of good local restaurants/cafes
(Measured 'very poor' (1) to 'very good' (7))</t>
  </si>
  <si>
    <t>Lack of affordable food/groceries at local shops
(Measured 'not a problem' (1) to 'very big problem' (7))</t>
  </si>
  <si>
    <t>Access to local government services</t>
  </si>
  <si>
    <t>Local government services
(Measured 'very poor' (1) to 'very good' (7))</t>
  </si>
  <si>
    <t>Mobile phone reception
(Measured 'very poor' (1) to 'very good' (7))</t>
  </si>
  <si>
    <t>Internet access
(Measured 'very poor' (1) to 'very good' (7))</t>
  </si>
  <si>
    <t>Access to telecommunications
(average score, from a possible 1-7)</t>
  </si>
  <si>
    <t>Measured from 1 (low levels of telecommunications) to 7 (high levels of telecommunications)</t>
  </si>
  <si>
    <t>Attractiveness of the local landscape
(Measured 'very poor' (1) to 'very good' (7))</t>
  </si>
  <si>
    <t>Local climate and weather
(Measured 'very poor' (1) to 'very good' (7))</t>
  </si>
  <si>
    <t>Water quality in local rivers and lakes
(Measured 'very poor' (1) to 'very good' (7))</t>
  </si>
  <si>
    <t>Health of the local environment
(Measured 'very poor' (1) to 'very good' (7))</t>
  </si>
  <si>
    <t>Eudaimonic Wellbeing Index</t>
  </si>
  <si>
    <t>Eudaimonic Wellbeing Index
(average score, from a possible 0-100)</t>
  </si>
  <si>
    <t xml:space="preserve">
</t>
  </si>
  <si>
    <t xml:space="preserve">Each individual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 xml:space="preserve">The Personal Wellbeing Index measures a person’s wellbeing on a score from 0-100. This score is calculated based on answer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Each individual item used to create the 'spending time with friends and family' scale is presented individually. 
The questions were measured on a 7-point scale, from 'never' (1) to 'all the time' (7), and included: 
(i) I make time to keep in touch with my friends; and (ii) I spend time doing things with family members who don’t live with me.</t>
  </si>
  <si>
    <t>The extent of a person’s involvement in local community activities was examined by asking survey participants how frequently they took part in the following types of activities, on a scale from 'never or almost never' (1) to 'all the time' (7): (i) I attend meetings/social events of local clubs/groups e.g. Lions, CWA; and (ii) I take part in sports groups or teams.
The ‘getting involved’ measure was calculated as the average of these items, from 1 (low levels of involvement) to 7 (high levels of involvement).</t>
  </si>
  <si>
    <t>Each individual item used to create the 'getting involved' scale is presented individually. 
The questions were measured on a 7-point scale, from 'never or almost never' (1) to 'all the time' (7), and included: 
(i) I attend meetings/social events of local clubs/groups e.g. Lions, CWA; and (ii) I take part in sports groups or teams.</t>
  </si>
  <si>
    <t>To what extent are the following problems/challenges in your community at the moment? - Conflict/disagreement between some people
(Measured 'not a problem' (1) to 'very big problem' (7))</t>
  </si>
  <si>
    <t>Confidence interval for % who rated it as poor</t>
  </si>
  <si>
    <t>Confidence interval for % who rated it as neither poor or good</t>
  </si>
  <si>
    <t>Confidence interval for % who  rated it as good</t>
  </si>
  <si>
    <t>Confidence interval for % who  stated 'don’t' know'</t>
  </si>
  <si>
    <t>Confidence interval for % who  rated it as a problem</t>
  </si>
  <si>
    <t>Confidence interval for % who rated quality of community events poorly</t>
  </si>
  <si>
    <t>Confidence interval for % who rated quality of community events moderately</t>
  </si>
  <si>
    <t>Confidence interval for % who  rated the quality of events highly</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 residents who indicated they were very comfortable (5) or prosperous (6)</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it as a problem</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Environmental degradation
(Measured 'not a problem' (1) to 'very big problem' (7))</t>
  </si>
  <si>
    <t>Confidence interval for % who rated problem</t>
  </si>
  <si>
    <t>% residents who rated it as not a problem</t>
  </si>
  <si>
    <t>% residents who rated it as neither a problem or not a problem</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Equity and inclusion was measured by asking survey participants about the extend of problems/challenges in their community at the moment on a scale from 'not a problem' (1)  to  'very big problem' (7) and included: Conflict/disagreement between some people. Responses to this statement had the scoring reversed, so that low scores indicated poor equity and low inclusion, and high scores indicated high levels of equity and inclusion. 
Responses were reported as an average and at the proportional level of disagree/neither/agree.</t>
  </si>
  <si>
    <t>Each individual item used to create the 'having a say and being heard' scale is presented individually. 
The questions were measured on a 7-point scale, from 'strongly disagree' (1) to 'strongly agree' (7), and included: (i) My local government is able to help our community face challenges; (ii) I can get involved in local decision-making processes if I want to.
Responses were reported at the proportional level of disagree/neither/agree.</t>
  </si>
  <si>
    <t>The community wellbeing questions were measured on a 7-point scale, from 'strongly disagree' (1) to 'strongly agree' (7), and included: 
(i) This community copes well when faced with challenges, (ii) I would recommend my community to others as a good place to live. 
Responses were reported as an average and at the proportional level of disagree/neither/agre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s from 'getting worse' (1) to 'getting better' (7). 
Responses were reported as an average and at the proportional level of getting worse/neither/getting better.</t>
  </si>
  <si>
    <t>Migration questions were measured using two 7-point scales. One measured the level of satisfaction from 'strongly disagree' (1) to 'strongly agree' (7), and included 'If I could, I would shift to live in another community'. 
The other measured the extend of problems/challenges in their community at the moment on a scale from 'not a problem' (1)  to  'very big problem' (7) and included 'People shifting away from the area'.
Responses were reported as an average and at the proportional level of disagree/neither/agree and not a problem/low problem/moderate problem/problem.</t>
  </si>
  <si>
    <t>% residents who rated quality of community events as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A person’s sense of belonging was measured by asking survey participants how much they agreed with the following three statements, from 'strongly disagree' (1) to 'strongly agree' (7): (i) I feel welcome here. 
Responses were reported as an average and at the proportional level of disagree/neither/agree.</t>
  </si>
  <si>
    <t>If I could, I would shift to live in another community
(measured 'strongly disagree' (1) to 'strongly agree' (7))</t>
  </si>
  <si>
    <t>Lack of job opportunities
(Measured 'not a problem' (1) to 'very big problem' (7))</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t>
    </r>
    <r>
      <rPr>
        <sz val="12"/>
        <color rgb="FFFF0000"/>
        <rFont val="Calibri"/>
        <family val="2"/>
        <scheme val="minor"/>
      </rPr>
      <t xml:space="preserve">
</t>
    </r>
    <r>
      <rPr>
        <sz val="12"/>
        <rFont val="Calibri"/>
        <family val="2"/>
        <scheme val="minor"/>
      </rPr>
      <t xml:space="preserve">A ‘financial distress’ score was then calculated for each participant, ranging from 0 (selected ‘none of these’ to 4 (selected all responses except ‘none of these’). </t>
    </r>
    <r>
      <rPr>
        <sz val="12"/>
        <color rgb="FFFF0000"/>
        <rFont val="Calibri"/>
        <family val="2"/>
        <scheme val="minor"/>
      </rPr>
      <t xml:space="preserve">
</t>
    </r>
  </si>
  <si>
    <t>Confidence interval for % who rated it as neither a problem or not a problem</t>
  </si>
  <si>
    <t>Confidence interval for % Never/rarely</t>
  </si>
  <si>
    <t>Confidence interval for % Sometimes</t>
  </si>
  <si>
    <t>Confidence interval for % regularly/all the time</t>
  </si>
  <si>
    <t>% residents who reported a score of 0 to 6</t>
  </si>
  <si>
    <t>% residents who reported a score of 7 to 8</t>
  </si>
  <si>
    <t>% residents who reported a score of 9 to 10</t>
  </si>
  <si>
    <t>Wellbeing-  Emotional Affect Index - distribution of responses</t>
  </si>
  <si>
    <t>% residents who had a score of  0 to 6</t>
  </si>
  <si>
    <t>% residents who had a score of 7 to 8</t>
  </si>
  <si>
    <t>% residents who had a score of 9 to 10</t>
  </si>
  <si>
    <t>% residents who rated access as problem</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Each individual item used to create the 'emotional affect index' is presented individuall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Environmental degradation - new grouping
(Measured 'not a problem' (1) to 'very big problem' (7))</t>
  </si>
  <si>
    <t>% residents who rated it as a large problem</t>
  </si>
  <si>
    <t>Confidence interval for % who rated it as a large problem</t>
  </si>
  <si>
    <t>% residents who rated it as no/low problem</t>
  </si>
  <si>
    <t>Confidence interval for % who rated it as no/low problem</t>
  </si>
  <si>
    <t xml:space="preserve">Self-efficacy </t>
  </si>
  <si>
    <t xml:space="preserve">Self-efficacy measures </t>
  </si>
  <si>
    <t xml:space="preserve">Crime and safety in the local community </t>
  </si>
  <si>
    <t xml:space="preserve">Perceived environmental health </t>
  </si>
  <si>
    <t>Measured from 0 (low emotional affect) to 10 (high emotional affect)</t>
  </si>
  <si>
    <t>Australia</t>
  </si>
  <si>
    <t>Regional Australia</t>
  </si>
  <si>
    <t>Urban Australia</t>
  </si>
  <si>
    <t>Northern Territory</t>
  </si>
  <si>
    <t>Tasmania</t>
  </si>
  <si>
    <t>Clarence (LGA)</t>
  </si>
  <si>
    <t>Cradle Coast (LGAs)</t>
  </si>
  <si>
    <t>Northern Tasmania (LGAs)</t>
  </si>
  <si>
    <t>Southern Tasmania exc. Clarence (LGAs)</t>
  </si>
  <si>
    <t>Western Australia</t>
  </si>
  <si>
    <t>Regional Western Australia</t>
  </si>
  <si>
    <t>Albany (LGA)</t>
  </si>
  <si>
    <t>Great Southern (RDA)</t>
  </si>
  <si>
    <t>South West (RDA)</t>
  </si>
  <si>
    <t>Wheatbelt (RDA)</t>
  </si>
  <si>
    <t>Goldfields Esperance, Kimberly, Mid-West Gascoyne &amp; Pilbara (RDAs)</t>
  </si>
  <si>
    <t>Peel &amp; Perth (RDAs)</t>
  </si>
  <si>
    <t xml:space="preserve">Australia includes all of Australia, including all of the major cities. In total, 11,074 people from Australia took part in the 2017 Regional Wellbeing Survey, although not all these people answered every question on the survey. </t>
  </si>
  <si>
    <t xml:space="preserve">Urban Australia includes the cities and surrounding suburban areas of Sydney, Melbourne, Adelaide, Brisbane, Perth and Canberra. In total, 1991 people from these cities took part in the 2017 Regional Wellbeing Survey, although not all these people answered every question on the survey. </t>
  </si>
  <si>
    <t>About the region: Northern Territory, Tasmania and Western Australia</t>
  </si>
  <si>
    <t>Clarence is an LGA located in the south east of Tasmania. In total, 293 people who live in this LGA took part in the 2017 Regional Wellbeing Survey.</t>
  </si>
  <si>
    <t xml:space="preserve">Northern Tasmania is a group of LGAs located in the north east of Tasmania, and includes the LGAs of Break O'Day, Dorset, George Town, Launceston, Meander Valley, Northern Midlands and West Tamar. In total, 156 people who live in these LGAs took part in the 2017 Regional Wellbeing Survey. </t>
  </si>
  <si>
    <t xml:space="preserve">Goldfields Esperance, Kimberly, Mid-West Gascoyne &amp; Pilbara are Regional Development Australia regions spanning most of Western Australia (excluding the south west region). In total, 141 people who live in this region took part in the 2017 Regional Wellbeing Survey. </t>
  </si>
  <si>
    <t xml:space="preserve">The Great Southern region is a Regional Development Australia region located in the south west of Western Australia. The region includes the local government areas (LGAs) of Albany, Broomehill-Tambellup, Cranbrook, Denmark, Gnowangerup, Jerramungup, Katanning, Kent, Kojonup, Plantagenet and Woodanilling. In total, 184 people who live in this region took part in the 2017 Regional Wellbeing Survey. </t>
  </si>
  <si>
    <t>Albany is an LGA located in the south west of Western Australia. In total, 118 people who live in this LGA took part in the 2017 Regional Wellbeing Survey.</t>
  </si>
  <si>
    <t xml:space="preserve">The South West region is a Regional Development Australia region located in the south west of Western Australia. The region includes the local government areas (LGAs) of Augusta-Margaret River, Boyup Brook, Bridgetown-Greenbushes, Bunbury, Busselton, Capel, Collie, Dardanup, Donnybrook-Balingup, Harvey, Manjimup and Nannup. In total, 135 people who live in this region took part in the 2017 Regional Wellbeing Survey. </t>
  </si>
  <si>
    <t xml:space="preserve">The Wheatbelt region is a Regional Development Australia region located in southern Western Australia, extending inland east, north and south from Perth. The region includes the local government areas (LGAs) ofBrookton, Bruce Rock, Chittering, Corrigin, Cuballing, Cunderdin, Dalwallinu, Dowerin, Dumbleyung, Gingin, Kondinin, Kulin, Lake Grace, Merredin, Moora, Mount Marshall, Mukinbudin, Narembeen, Narrogin, Northam, Perenjori, Pingelly, Quairading, Tammin, Toodyay, Trayning, Wagin, Wandering, West Arthur, Wickepin, Williams, Wongan-Ballidu, Wyalkatchem, Yilgarn and York. In total, 142 people who live in this region took part in the 2017 Regional Wellbeing Survey. </t>
  </si>
  <si>
    <t xml:space="preserve">Regional Australia includes all of Australia except the cities of Sydney, Melbourne, Adelaide, Brisbane, Perth and Canberra. In total, 8920 people from regional Australia took part in the 2017 Regional Wellbeing Survey, although not all these people answered every question on the survey. </t>
  </si>
  <si>
    <t xml:space="preserve">The data in this spreadsheet were produced from the 2017 Regional Wellbeing Survey. Information about the survey is available at www.regionalwellbeing.org.au. </t>
  </si>
  <si>
    <t>The data presented in this spreadsheet are from a survey of adult residents of this region. All surveys have some bias in the responses they receive. The 2017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 xml:space="preserve">Explanatory notes </t>
  </si>
  <si>
    <t xml:space="preserve">You may reproduce the data in this spreadsheet for any purpose, providing you acknowledge the data source. Data should be cited as being sourced from the 2017 Regional Wellbeing Survey, Northern Territory, Tasmania and Western Australia data tables, Version 1.01 August 2018. </t>
  </si>
  <si>
    <t xml:space="preserve">This file provides data from the 2017 Regional Wellbeing Survey for Northern Territory, Tasmania and Western Australia. The number of responses to each question vary, because some questions were not asked of all survey participants; and some participants chose not to answer some questions on the survey. Data reported in these tables have been weighted to correct for different intensity of sampling in different regions, unless stated otherwise. Data are reported for (i) Australia; (ii) regional Australia; (iii) urban Australia; (iv) Northern Territory; (v) Tasmania; (vi) Western Australia; (vii) regional western Australia; and (viii) the Western Australian Regional Development Australia (RDA) regions of Goldfields Esperance, Kimberly, Mid-West Gascoyne &amp; Pilbara, Great Southern, Peel and Perth, South West and Wheatbelt. </t>
  </si>
  <si>
    <t xml:space="preserve">Cradle Coast is a group of LGAs located in the north west of Tasmania, and includes the LGAs of Burnie, Central Coast, Circular Head, Devonport, King Island, Latrobe, Waratah/Wynyard and West Coast . In total, 83 people who live in these LGAs took part in the 2017 Regional Wellbeing Survey. </t>
  </si>
  <si>
    <t xml:space="preserve">Southern Tasmania exc. Clarence is a group of LGAs located in the south of Tasmania, and includes the LGAs of Brighton, Central Highlands, Derwent Valley, Flinders, Glamorgan/Spring Bay, Glenorchy, Hobart, Huon Valley, Kingborough, Sorell, Southern Midlands and Tasman. In total, 147 people who live in these LGAs took part in the 2017 Regional Wellbeing Survey. </t>
  </si>
  <si>
    <t xml:space="preserve">Tasmania includes all of Tasmania including Hobart and surrounding suburban areas. In total, 685 people from Tasmania took part in the 2017 Regional Wellbeing Survey, although not all these people answered every question on the survey. </t>
  </si>
  <si>
    <t xml:space="preserve">Northern Territory includes all of Northern Territory including Darwin and surrounding suburban areas. In total, 99 people from Northern Territory took part in the 2017 Regional Wellbeing Survey, although not all these people answered every question on the survey. </t>
  </si>
  <si>
    <t xml:space="preserve">Western Australia includes all of Western Australia including the metropolitan areas of Perth and surrounding suburban areas. In total, 769 people from Western Australia took part in the 2017 Regional Wellbeing Survey, although not all these people answered every question on the survey.  </t>
  </si>
  <si>
    <t xml:space="preserve">Regional Western Australia includes all of Western Australia except the metropolitan areas of Perth and surrounding suburban areas. In total, 557 people who live in regional Western Australia took part in the 2017 Regional Wellbeing Survey, although not all these people answered every question on the survey. A total of 212 people living in urban areas are excluded when reporting for regional Western Australia in these data tables. </t>
  </si>
  <si>
    <r>
      <rPr>
        <sz val="11"/>
        <rFont val="Calibri"/>
        <family val="2"/>
        <scheme val="minor"/>
      </rPr>
      <t>Peel &amp; Perth are Regional Development Australia regions located in the south west of Western Australia. The Peel region includes the local government areas (LGAs)</t>
    </r>
    <r>
      <rPr>
        <sz val="11"/>
        <color rgb="FFFF0000"/>
        <rFont val="Calibri"/>
        <family val="2"/>
        <scheme val="minor"/>
      </rPr>
      <t xml:space="preserve"> </t>
    </r>
    <r>
      <rPr>
        <sz val="11"/>
        <rFont val="Calibri"/>
        <family val="2"/>
        <scheme val="minor"/>
      </rPr>
      <t xml:space="preserve">of Boddington, Mandurah, Murray, Serpentine-Jarrahdale and Waroona, and the Perth region includes the city of Perth and surrounding suburbs. In total, 177 people who live in this region took part in the 2017 Regional Wellbeing Survey. </t>
    </r>
  </si>
  <si>
    <t xml:space="preserve">The economic wellbeing of communities was measured by asking survey participants how much they agreed with the following statements, from  'strongly disagree' (1) to 'strongly agree' (7): (i) Living costs are affordable here e.g. food, petrol, housing and (ii) There are plenty of jobs available around here at the moment.
Responses to these two statements were averaged to form a single measure of community economic wellbeing, measured from 1 (low levels of community economic wellbeing) to 7 (high levels of community economic wellbeing). </t>
  </si>
  <si>
    <t>Each individual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are reported at the proportional level of disagree/neither/agree.</t>
  </si>
  <si>
    <t>Local employment opportunities questions were measured using two 7-point scales. One measured 'Availability of local jobs' in the local community from 'very poor' (1) to very good (7).
The other measured the extent the extent to which 'Lack of job opportunities' was a problem in a person's local community, on a scale from 'not a problem' (1) to 'very big problem' (7).
Responses are reported as an average and at the proportional level of poor/neither/good and not a problem/neither/problem.</t>
  </si>
  <si>
    <t>Respondents were asked ‘how would you rate your general health?’, and asked to select one of the following options: poor, fair, good, very good or excellent. 
Responses are reported  as an average and as the % providing each response.</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ndividual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 xml:space="preserve">Respondents were asked to identify how much they agreed or disagreed, on a 7-point scale from  'strongly disagree' (1) to 'strongly agree' (7), with the following statements: (i) I am confident I can achieve the things I want in life, and (ii) I am confident I can achieve the things I want in my work. Responses to these statements were averaged to form a single measure of self-efficacy, scored from 1 (low self-efficacy) to 7 (high self-efficacy). 
</t>
  </si>
  <si>
    <t>Each individual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The human capital available to communities was measured by asking survey participants how much they agreed with the following statement, from 'strongly disagree' (1) to 'strongly agree' (7): (i) 'Local groups and organisations around here are good at getting things done'. Responses are reported at the proportional level of disagree/neither/agree.</t>
  </si>
  <si>
    <t>Informal social connectedness was measured by asking survey participants how often they did the following, on a scale measured from 'never or almost never' (1) to 'all the time' (7):
(i) I make time to keep in touch with my friends and (ii) I spend time doing things with family members who don’t live with me. The ‘friends and family’ measure was calculated as the average of these items, from 1 (low levels of informal social connectedness) to 7 (high levels of informal social connectedness).</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are reported as an average and at the proportional level of poor/moderate/good.</t>
  </si>
  <si>
    <t xml:space="preserve">Regional and rural Australians were asked to rate the quality of access to (i) health services and (ii) local schools on a 7-point scale, from 'very poor' (1) to 'very good' (7). 
Responses are reported as an average and at the proportional level of poor/neither/good access.
</t>
  </si>
  <si>
    <t>Regional and rural Australians were asked to rate the quality of access to  (i) Roads; and (ii) Public transport (including taxis, buses, trains). 
The questions 'How good or poor are the following things in your local region at the moment?' were measured on a 7-point scale, from 'very poor' (1) to 'very good' (7).
 Responses are reported as an average and at the proportional level of poor/neither/good access.</t>
  </si>
  <si>
    <t xml:space="preserve">Regional and rural Australians were asked to rate the quality of access to (i) good local restaurants/cafes and retail shops (on a scale from 'very poor' (1) to 'very good' (7), and the extent to which 'lack of affordable food/groceries at local shops' was a problem in their community on a scale from 'not a problem' (1) to 'very big problem' (7).
Responses are reported as an average and at the proportional level of poor/neither/good access.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 (i) Mobile phone reception and (ii) internet access. Scores of 1 indicated low quality access and a score of 7 high quality access to telecommunications.
</t>
  </si>
  <si>
    <t>Telecommunications items are reported individually. Each was measured on a 7-point scale, from 'very poor' (1) to 'very good' (7), and included: 
(i) How good or poor are the following things in your local region at the moment - Mobile phone reception and (ii) Internet access
Responses are reported at the proportional level of poor/neither/good access.</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Each individual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The attractiveness of the landscape a person lived in was measured by asking respondents how much they agreed or disagreed with the following statements, measured on a scale of 'very poor' (1) to 'very good' (7): (i) Attractiveness of the local landscape and (i) Local climate and weather.
The ‘landscape and aesthetics’ scale was then constructed as the average score of responses to these items.
</t>
  </si>
  <si>
    <t>Each survey item used to create the 'landscape and aesthetics' scale is presented individually. The questions were measured on a 7-point scale, from 'very poor' (1) to 'very good' (7), and included: 
(i) Attractiveness of the local landscape and (ii) Local climate and weather. Responses are reported as an average and at the proportional level of poor/neither/good.</t>
  </si>
  <si>
    <t xml:space="preserve">Perceived environmental health was measured by asking survey participants (i) the extent to which 'Health of the local environment' was good or poor on a scale from 'very poor' (1) to 'very good' (7), and the extent to which 'Environmental degradation' was a problem on a scale from 'not a problem' (1) to 'very big problem' (7). The average score of these variables was calculated as a measure of perceived environmental health. Scores for the second item were reversed before calculation of the scale, so that a score of 1 represented poor environmental health, and a score of 7 represented good environmental health.
</t>
  </si>
  <si>
    <t xml:space="preserve">Each individual item used to create the 'perceived environmental health' scale is presented individually, together with an additional item asking about perceptions of water quality. 
The questions were measured on two different 7-point scales.  (i) Water quality in local rivers and lakes; (ii) Health of local environment were measured using a 7 point scale 'very poor' (1) to 'very good' (7); and; (iii) Environmental degradation was measured on a scale of 'not a problem' (1) to 'very big problem' (7).
Responses are reported at the proportional level of poor/neither/good access and not a problem/neither/problem.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8">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s>
  <cellStyleXfs count="38">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391">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0" fillId="2" borderId="0" xfId="0" applyFill="1" applyAlignment="1">
      <alignment wrapText="1"/>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8" fillId="3" borderId="0" xfId="0" applyFont="1" applyFill="1" applyAlignment="1"/>
    <xf numFmtId="0" fontId="9" fillId="3" borderId="0" xfId="0" applyFont="1" applyFill="1" applyAlignment="1"/>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0" fillId="3" borderId="0" xfId="0" quotePrefix="1" applyFill="1" applyAlignment="1"/>
    <xf numFmtId="0" fontId="0" fillId="3" borderId="0" xfId="0" applyFill="1" applyAlignment="1"/>
    <xf numFmtId="0" fontId="12" fillId="0" borderId="0" xfId="0" applyFont="1"/>
    <xf numFmtId="0" fontId="17" fillId="6" borderId="1" xfId="0" applyFont="1" applyFill="1" applyBorder="1" applyAlignment="1">
      <alignment horizontal="left" vertical="top"/>
    </xf>
    <xf numFmtId="0" fontId="18" fillId="6" borderId="1" xfId="28" applyFont="1" applyFill="1" applyBorder="1" applyAlignment="1">
      <alignment horizontal="left" vertical="top" wrapText="1"/>
    </xf>
    <xf numFmtId="168" fontId="18" fillId="6" borderId="1" xfId="28" applyNumberFormat="1" applyFont="1" applyFill="1" applyBorder="1" applyAlignment="1">
      <alignment horizontal="left" vertical="top" wrapText="1"/>
    </xf>
    <xf numFmtId="168" fontId="19" fillId="6" borderId="1" xfId="28"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8"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8"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8"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8" quotePrefix="1" applyFont="1" applyFill="1" applyBorder="1" applyAlignment="1">
      <alignment horizontal="left" vertical="top" wrapText="1"/>
    </xf>
    <xf numFmtId="0" fontId="18" fillId="7" borderId="1" xfId="28" applyFont="1" applyFill="1" applyBorder="1" applyAlignment="1">
      <alignment horizontal="left" vertical="top" wrapText="1"/>
    </xf>
    <xf numFmtId="168" fontId="18" fillId="7" borderId="1" xfId="28" applyNumberFormat="1" applyFont="1" applyFill="1" applyBorder="1" applyAlignment="1">
      <alignment horizontal="left" vertical="top" wrapText="1"/>
    </xf>
    <xf numFmtId="168" fontId="19" fillId="7" borderId="1" xfId="28"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8"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2"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2" applyNumberFormat="1" applyFont="1" applyFill="1" applyBorder="1" applyAlignment="1">
      <alignment horizontal="left" vertical="center"/>
    </xf>
    <xf numFmtId="165" fontId="20" fillId="0" borderId="1" xfId="29"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29" applyNumberFormat="1" applyFont="1" applyFill="1" applyBorder="1" applyAlignment="1">
      <alignment horizontal="left" vertical="center"/>
    </xf>
    <xf numFmtId="165" fontId="20" fillId="4" borderId="1" xfId="29"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29"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7" fontId="19" fillId="7" borderId="1" xfId="28" applyNumberFormat="1" applyFont="1" applyFill="1" applyBorder="1" applyAlignment="1">
      <alignment horizontal="left" vertical="top" wrapText="1"/>
    </xf>
    <xf numFmtId="167" fontId="19" fillId="6" borderId="1" xfId="28"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7"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3" applyNumberFormat="1" applyFont="1" applyFill="1" applyBorder="1" applyAlignment="1">
      <alignment horizontal="left" vertical="center"/>
    </xf>
    <xf numFmtId="168" fontId="20"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3" applyNumberFormat="1" applyFont="1" applyFill="1" applyBorder="1" applyAlignment="1">
      <alignment horizontal="left" vertical="center"/>
    </xf>
    <xf numFmtId="164" fontId="20" fillId="0" borderId="1" xfId="33" applyNumberFormat="1" applyFont="1" applyFill="1" applyBorder="1" applyAlignment="1">
      <alignment horizontal="left" vertical="center"/>
    </xf>
    <xf numFmtId="164" fontId="20" fillId="4" borderId="1" xfId="33"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8"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8"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6" applyNumberFormat="1" applyFont="1" applyFill="1" applyBorder="1" applyAlignment="1">
      <alignment horizontal="left" vertical="center"/>
    </xf>
    <xf numFmtId="164" fontId="20" fillId="0" borderId="1" xfId="36" applyNumberFormat="1" applyFont="1" applyFill="1" applyBorder="1" applyAlignment="1">
      <alignment horizontal="left" vertical="center"/>
    </xf>
    <xf numFmtId="165" fontId="20" fillId="4" borderId="1" xfId="36" applyNumberFormat="1" applyFont="1" applyFill="1" applyBorder="1" applyAlignment="1">
      <alignment horizontal="left" vertical="center"/>
    </xf>
    <xf numFmtId="164" fontId="20" fillId="4" borderId="1" xfId="36"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1" applyNumberFormat="1" applyFont="1" applyFill="1" applyBorder="1" applyAlignment="1">
      <alignment horizontal="left" vertical="center"/>
    </xf>
    <xf numFmtId="165" fontId="20" fillId="4" borderId="1" xfId="31" applyNumberFormat="1" applyFont="1" applyFill="1" applyBorder="1" applyAlignment="1">
      <alignment horizontal="left" vertical="center"/>
    </xf>
    <xf numFmtId="164" fontId="20" fillId="0" borderId="1" xfId="31" applyNumberFormat="1" applyFont="1" applyFill="1" applyBorder="1" applyAlignment="1">
      <alignment horizontal="left" vertical="center"/>
    </xf>
    <xf numFmtId="164" fontId="20" fillId="4" borderId="1" xfId="31"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164" fontId="20" fillId="0" borderId="1" xfId="17" applyNumberFormat="1" applyFont="1" applyFill="1" applyBorder="1" applyAlignment="1">
      <alignment horizontal="left" vertical="center"/>
    </xf>
    <xf numFmtId="164" fontId="20"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0" fillId="3" borderId="0" xfId="0" quotePrefix="1" applyFill="1"/>
    <xf numFmtId="0" fontId="0" fillId="3" borderId="0" xfId="0" applyFill="1"/>
    <xf numFmtId="0" fontId="8" fillId="3" borderId="0" xfId="0" applyFont="1" applyFill="1" applyAlignment="1">
      <alignment horizontal="left"/>
    </xf>
    <xf numFmtId="0" fontId="5" fillId="3" borderId="0" xfId="0" applyFont="1" applyFill="1" applyAlignment="1">
      <alignment vertical="center" wrapText="1"/>
    </xf>
    <xf numFmtId="0" fontId="5" fillId="3" borderId="0" xfId="0" applyFont="1" applyFill="1" applyAlignment="1">
      <alignment horizontal="left" wrapText="1"/>
    </xf>
    <xf numFmtId="0" fontId="5" fillId="3" borderId="0" xfId="0" applyFont="1" applyFill="1" applyBorder="1" applyAlignment="1">
      <alignment vertical="top" wrapText="1"/>
    </xf>
    <xf numFmtId="0" fontId="5" fillId="3" borderId="0" xfId="0" applyFont="1" applyFill="1" applyBorder="1" applyAlignment="1">
      <alignmen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applyAlignment="1">
      <alignment horizontal="left"/>
    </xf>
    <xf numFmtId="0" fontId="32" fillId="3" borderId="0" xfId="1" applyFont="1" applyFill="1"/>
    <xf numFmtId="0" fontId="32" fillId="3" borderId="0" xfId="1" quotePrefix="1" applyFont="1" applyFill="1"/>
    <xf numFmtId="1" fontId="32" fillId="3" borderId="0" xfId="1" applyNumberFormat="1" applyFont="1" applyFill="1" applyAlignment="1">
      <alignment horizontal="left"/>
    </xf>
    <xf numFmtId="0" fontId="33" fillId="3" borderId="0" xfId="0" applyFont="1" applyFill="1" applyAlignment="1">
      <alignment horizontal="left" wrapText="1"/>
    </xf>
    <xf numFmtId="0" fontId="26"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5" fillId="0" borderId="0" xfId="3"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165" fontId="20" fillId="0" borderId="0" xfId="23" applyNumberFormat="1" applyFont="1" applyFill="1" applyBorder="1" applyAlignment="1">
      <alignment horizontal="left" vertical="center"/>
    </xf>
    <xf numFmtId="166" fontId="20" fillId="0" borderId="0" xfId="23" applyNumberFormat="1" applyFont="1" applyFill="1" applyBorder="1" applyAlignment="1">
      <alignment horizontal="left" vertical="center"/>
    </xf>
    <xf numFmtId="164" fontId="20" fillId="0" borderId="0" xfId="23" applyNumberFormat="1" applyFont="1" applyFill="1" applyBorder="1" applyAlignment="1">
      <alignment horizontal="left" vertical="center"/>
    </xf>
    <xf numFmtId="0" fontId="15" fillId="0" borderId="0" xfId="4" quotePrefix="1" applyFont="1" applyFill="1" applyBorder="1" applyAlignment="1">
      <alignment vertical="top" wrapText="1"/>
    </xf>
    <xf numFmtId="0" fontId="14" fillId="0" borderId="0" xfId="0" applyFont="1" applyFill="1" applyBorder="1" applyAlignment="1">
      <alignment horizontal="left" vertical="top"/>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0" fontId="15" fillId="0" borderId="0" xfId="3" applyFont="1" applyFill="1" applyBorder="1" applyAlignment="1">
      <alignment vertical="top" wrapText="1"/>
    </xf>
    <xf numFmtId="167" fontId="19" fillId="7" borderId="3" xfId="28"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28" applyFont="1" applyFill="1" applyBorder="1" applyAlignment="1">
      <alignment vertical="top" wrapText="1"/>
    </xf>
    <xf numFmtId="167" fontId="15" fillId="0" borderId="0" xfId="28" applyNumberFormat="1" applyFont="1" applyFill="1" applyBorder="1" applyAlignment="1">
      <alignment vertical="top" wrapText="1"/>
    </xf>
    <xf numFmtId="167" fontId="14" fillId="0" borderId="0" xfId="0" applyNumberFormat="1" applyFont="1" applyFill="1" applyBorder="1" applyAlignment="1">
      <alignment vertical="top"/>
    </xf>
    <xf numFmtId="0" fontId="15" fillId="0" borderId="0" xfId="5" quotePrefix="1" applyFont="1" applyFill="1" applyBorder="1" applyAlignment="1">
      <alignment vertical="top" wrapText="1"/>
    </xf>
    <xf numFmtId="0" fontId="19" fillId="6" borderId="1" xfId="28"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8"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8"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3" borderId="0" xfId="0" quotePrefix="1" applyFill="1"/>
    <xf numFmtId="0" fontId="0" fillId="3" borderId="0" xfId="0" applyFill="1"/>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8" applyNumberFormat="1" applyFont="1" applyFill="1" applyBorder="1" applyAlignment="1">
      <alignment horizontal="left" vertical="center"/>
    </xf>
    <xf numFmtId="167" fontId="20" fillId="4" borderId="1" xfId="28"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2" applyNumberFormat="1" applyFont="1" applyFill="1" applyBorder="1" applyAlignment="1">
      <alignment horizontal="left" vertical="center"/>
    </xf>
    <xf numFmtId="167" fontId="20" fillId="0" borderId="1" xfId="32"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2" applyNumberFormat="1" applyFont="1" applyFill="1" applyBorder="1" applyAlignment="1">
      <alignment horizontal="left" vertical="center"/>
    </xf>
    <xf numFmtId="167" fontId="20" fillId="4" borderId="1" xfId="32"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 fontId="20" fillId="0" borderId="1" xfId="25" applyNumberFormat="1" applyFont="1" applyFill="1" applyBorder="1" applyAlignment="1">
      <alignment horizontal="left" vertical="center"/>
    </xf>
    <xf numFmtId="1" fontId="20" fillId="4" borderId="1" xfId="35" applyNumberFormat="1" applyFont="1" applyFill="1" applyBorder="1" applyAlignment="1">
      <alignment horizontal="left" vertical="center"/>
    </xf>
    <xf numFmtId="0" fontId="27" fillId="3" borderId="0" xfId="0" applyFont="1" applyFill="1" applyAlignment="1">
      <alignment vertical="center" wrapText="1"/>
    </xf>
    <xf numFmtId="0" fontId="26" fillId="3" borderId="0" xfId="0" applyFont="1" applyFill="1" applyBorder="1" applyAlignment="1">
      <alignment wrapText="1"/>
    </xf>
    <xf numFmtId="0" fontId="27" fillId="3" borderId="0" xfId="0" applyFont="1" applyFill="1" applyBorder="1" applyAlignment="1">
      <alignment vertical="top" wrapText="1"/>
    </xf>
    <xf numFmtId="0" fontId="26" fillId="3" borderId="0" xfId="0" applyFont="1" applyFill="1" applyBorder="1" applyAlignment="1">
      <alignment vertical="top" wrapText="1"/>
    </xf>
    <xf numFmtId="0" fontId="26" fillId="3" borderId="0" xfId="0" applyFont="1" applyFill="1" applyAlignment="1">
      <alignment vertical="center" wrapText="1"/>
    </xf>
    <xf numFmtId="0" fontId="5" fillId="2" borderId="0" xfId="0" applyFont="1" applyFill="1" applyAlignment="1">
      <alignment wrapText="1"/>
    </xf>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0" fontId="8" fillId="3" borderId="0" xfId="0" applyFont="1" applyFill="1" applyAlignment="1">
      <alignment horizontal="left"/>
    </xf>
    <xf numFmtId="0" fontId="13" fillId="3" borderId="0" xfId="0" applyFont="1" applyFill="1" applyAlignment="1">
      <alignment horizontal="left"/>
    </xf>
    <xf numFmtId="0" fontId="16" fillId="5" borderId="3" xfId="28" quotePrefix="1" applyFont="1" applyFill="1" applyBorder="1" applyAlignment="1">
      <alignment horizontal="center" vertical="top" wrapText="1"/>
    </xf>
    <xf numFmtId="0" fontId="16" fillId="5" borderId="4" xfId="28" quotePrefix="1" applyFont="1" applyFill="1" applyBorder="1" applyAlignment="1">
      <alignment horizontal="center" vertical="top" wrapText="1"/>
    </xf>
    <xf numFmtId="0" fontId="16" fillId="5" borderId="5" xfId="28" quotePrefix="1" applyFont="1" applyFill="1" applyBorder="1" applyAlignment="1">
      <alignment horizontal="center" vertical="top" wrapText="1"/>
    </xf>
    <xf numFmtId="0" fontId="15" fillId="0" borderId="0" xfId="28" applyFont="1" applyFill="1" applyBorder="1" applyAlignment="1">
      <alignment horizontal="left" vertical="top" wrapText="1"/>
    </xf>
    <xf numFmtId="0" fontId="14" fillId="4" borderId="0" xfId="0" applyFont="1" applyFill="1" applyBorder="1" applyAlignment="1">
      <alignment horizontal="left" vertical="top"/>
    </xf>
    <xf numFmtId="0" fontId="15" fillId="0" borderId="0" xfId="28" quotePrefix="1" applyFont="1" applyFill="1" applyBorder="1" applyAlignment="1">
      <alignment horizontal="left" vertical="top" wrapText="1"/>
    </xf>
    <xf numFmtId="0" fontId="15" fillId="0" borderId="2" xfId="28" quotePrefix="1" applyFont="1" applyFill="1" applyBorder="1" applyAlignment="1">
      <alignment horizontal="left" vertical="top" wrapText="1"/>
    </xf>
    <xf numFmtId="0" fontId="16" fillId="5" borderId="3" xfId="28" quotePrefix="1" applyFont="1" applyFill="1" applyBorder="1" applyAlignment="1">
      <alignment vertical="top" wrapText="1"/>
    </xf>
    <xf numFmtId="0" fontId="16" fillId="5" borderId="4" xfId="28" quotePrefix="1" applyFont="1" applyFill="1" applyBorder="1" applyAlignment="1">
      <alignment vertical="top" wrapText="1"/>
    </xf>
    <xf numFmtId="0" fontId="16" fillId="5" borderId="5" xfId="28" quotePrefix="1" applyFont="1" applyFill="1" applyBorder="1" applyAlignment="1">
      <alignment vertical="top" wrapText="1"/>
    </xf>
    <xf numFmtId="0" fontId="16" fillId="5" borderId="6" xfId="28" quotePrefix="1" applyFont="1" applyFill="1" applyBorder="1" applyAlignment="1">
      <alignment horizontal="left" vertical="top" wrapText="1"/>
    </xf>
    <xf numFmtId="0" fontId="16" fillId="5" borderId="2" xfId="28" quotePrefix="1" applyFont="1" applyFill="1" applyBorder="1" applyAlignment="1">
      <alignment horizontal="left" vertical="top" wrapText="1"/>
    </xf>
    <xf numFmtId="0" fontId="14" fillId="4" borderId="0" xfId="0" applyFont="1" applyFill="1" applyBorder="1" applyAlignment="1">
      <alignment vertical="top"/>
    </xf>
    <xf numFmtId="0" fontId="16" fillId="5" borderId="3" xfId="28" quotePrefix="1" applyFont="1" applyFill="1" applyBorder="1" applyAlignment="1">
      <alignment horizontal="left" vertical="top" wrapText="1"/>
    </xf>
    <xf numFmtId="0" fontId="16" fillId="5" borderId="4" xfId="28" quotePrefix="1" applyFont="1" applyFill="1" applyBorder="1" applyAlignment="1">
      <alignment horizontal="left" vertical="top" wrapText="1"/>
    </xf>
    <xf numFmtId="0" fontId="16" fillId="5" borderId="5" xfId="28" quotePrefix="1"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0" xfId="2" applyFont="1" applyFill="1" applyBorder="1" applyAlignment="1">
      <alignmen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wrapText="1"/>
    </xf>
    <xf numFmtId="0" fontId="16" fillId="5" borderId="5" xfId="26" applyFont="1" applyFill="1" applyBorder="1" applyAlignment="1">
      <alignment horizontal="left" vertical="top" wrapText="1"/>
    </xf>
    <xf numFmtId="0" fontId="16" fillId="5" borderId="3" xfId="26" applyFont="1" applyFill="1" applyBorder="1" applyAlignment="1">
      <alignment vertical="top" wrapText="1"/>
    </xf>
    <xf numFmtId="0" fontId="16" fillId="5" borderId="4" xfId="26" applyFont="1" applyFill="1" applyBorder="1" applyAlignment="1">
      <alignment vertical="top" wrapText="1"/>
    </xf>
    <xf numFmtId="0" fontId="16" fillId="5" borderId="5" xfId="26" applyFont="1" applyFill="1" applyBorder="1" applyAlignment="1">
      <alignment vertical="top" wrapText="1"/>
    </xf>
    <xf numFmtId="0" fontId="15" fillId="0" borderId="0" xfId="28" quotePrefix="1" applyFont="1" applyFill="1" applyBorder="1" applyAlignment="1">
      <alignment vertical="top" wrapText="1"/>
    </xf>
    <xf numFmtId="167" fontId="14" fillId="4" borderId="0" xfId="0" applyNumberFormat="1" applyFont="1" applyFill="1" applyBorder="1" applyAlignment="1">
      <alignment vertical="top"/>
    </xf>
    <xf numFmtId="0" fontId="15" fillId="0" borderId="2" xfId="2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6" fillId="5" borderId="6" xfId="6" applyFont="1" applyFill="1" applyBorder="1" applyAlignment="1">
      <alignment vertical="top" wrapText="1"/>
    </xf>
    <xf numFmtId="0" fontId="16" fillId="5" borderId="2" xfId="6"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6" xfId="5" applyFont="1" applyFill="1" applyBorder="1" applyAlignment="1">
      <alignment vertical="top" wrapText="1"/>
    </xf>
    <xf numFmtId="0" fontId="16" fillId="5" borderId="2" xfId="5" applyFont="1" applyFill="1" applyBorder="1" applyAlignment="1">
      <alignment vertical="top"/>
    </xf>
    <xf numFmtId="0" fontId="15" fillId="0" borderId="0" xfId="5" quotePrefix="1" applyFont="1" applyFill="1" applyBorder="1" applyAlignment="1">
      <alignment vertical="top" wrapText="1"/>
    </xf>
    <xf numFmtId="0" fontId="16" fillId="5" borderId="2" xfId="5" applyFont="1" applyFill="1" applyBorder="1" applyAlignment="1">
      <alignment vertical="top" wrapText="1"/>
    </xf>
    <xf numFmtId="0" fontId="16" fillId="5" borderId="1" xfId="26" applyFont="1" applyFill="1" applyBorder="1" applyAlignment="1">
      <alignment horizontal="left" vertical="top" wrapText="1"/>
    </xf>
    <xf numFmtId="0" fontId="15" fillId="0" borderId="0" xfId="2" quotePrefix="1" applyFont="1" applyFill="1" applyBorder="1" applyAlignment="1">
      <alignment horizontal="left" vertical="top" wrapText="1"/>
    </xf>
    <xf numFmtId="0" fontId="16" fillId="5" borderId="3" xfId="27" applyFont="1" applyFill="1" applyBorder="1" applyAlignment="1">
      <alignment vertical="top" wrapText="1"/>
    </xf>
    <xf numFmtId="0" fontId="16" fillId="5" borderId="4" xfId="27" applyFont="1" applyFill="1" applyBorder="1" applyAlignment="1">
      <alignment vertical="top" wrapText="1"/>
    </xf>
    <xf numFmtId="0" fontId="30" fillId="0" borderId="2" xfId="2" quotePrefix="1" applyFont="1" applyFill="1" applyBorder="1" applyAlignment="1">
      <alignment horizontal="left" vertical="top" wrapText="1"/>
    </xf>
    <xf numFmtId="0" fontId="15" fillId="0" borderId="0" xfId="2"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1" xfId="0" applyFont="1" applyFill="1" applyBorder="1" applyAlignment="1">
      <alignment horizontal="left" vertical="top"/>
    </xf>
    <xf numFmtId="0" fontId="16" fillId="5" borderId="1" xfId="23" applyFont="1" applyFill="1" applyBorder="1" applyAlignment="1">
      <alignment horizontal="left" vertical="top" wrapText="1"/>
    </xf>
    <xf numFmtId="0" fontId="15" fillId="0" borderId="2" xfId="5" quotePrefix="1" applyFont="1" applyFill="1" applyBorder="1" applyAlignment="1">
      <alignment horizontal="left" vertical="top" wrapText="1"/>
    </xf>
    <xf numFmtId="0" fontId="16" fillId="5" borderId="1" xfId="28" quotePrefix="1"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6" fillId="5" borderId="1" xfId="0" applyFont="1" applyFill="1" applyBorder="1" applyAlignment="1">
      <alignment horizontal="left" vertical="top" wrapText="1"/>
    </xf>
    <xf numFmtId="0" fontId="15" fillId="0" borderId="2" xfId="5" quotePrefix="1" applyFont="1" applyFill="1" applyBorder="1" applyAlignment="1">
      <alignment vertical="top" wrapText="1"/>
    </xf>
    <xf numFmtId="0" fontId="16" fillId="5" borderId="3" xfId="0" applyFont="1" applyFill="1" applyBorder="1" applyAlignment="1">
      <alignment vertical="top"/>
    </xf>
    <xf numFmtId="0" fontId="16" fillId="5" borderId="4" xfId="0" applyFont="1" applyFill="1" applyBorder="1" applyAlignment="1">
      <alignment vertical="top"/>
    </xf>
    <xf numFmtId="0" fontId="16" fillId="5" borderId="5" xfId="0" applyFont="1" applyFill="1" applyBorder="1" applyAlignment="1">
      <alignment vertical="top"/>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5" fillId="0" borderId="0" xfId="4" quotePrefix="1" applyFont="1" applyFill="1" applyBorder="1" applyAlignment="1">
      <alignment vertical="top" wrapText="1"/>
    </xf>
    <xf numFmtId="0" fontId="15" fillId="0" borderId="0" xfId="4" quotePrefix="1" applyFont="1" applyFill="1" applyBorder="1" applyAlignment="1">
      <alignment horizontal="left" vertical="top" wrapText="1"/>
    </xf>
    <xf numFmtId="0" fontId="15" fillId="0" borderId="0" xfId="7" quotePrefix="1" applyFont="1" applyFill="1" applyBorder="1" applyAlignment="1">
      <alignment vertical="top" wrapText="1"/>
    </xf>
    <xf numFmtId="0" fontId="15" fillId="0" borderId="2" xfId="4" quotePrefix="1" applyFont="1" applyFill="1" applyBorder="1" applyAlignment="1">
      <alignment vertical="top" wrapText="1"/>
    </xf>
    <xf numFmtId="0" fontId="15" fillId="0" borderId="2" xfId="3" quotePrefix="1"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5" fillId="0" borderId="0" xfId="3" quotePrefix="1" applyFont="1" applyFill="1" applyBorder="1" applyAlignment="1">
      <alignment vertical="top" wrapText="1"/>
    </xf>
    <xf numFmtId="0" fontId="14" fillId="4" borderId="0" xfId="0" applyFont="1" applyFill="1" applyBorder="1" applyAlignment="1">
      <alignment horizontal="left" vertical="top" wrapText="1"/>
    </xf>
    <xf numFmtId="0" fontId="15" fillId="0" borderId="2" xfId="3" quotePrefix="1" applyFont="1" applyFill="1" applyBorder="1" applyAlignment="1">
      <alignment vertical="top" wrapText="1"/>
    </xf>
  </cellXfs>
  <cellStyles count="38">
    <cellStyle name="Hyperlink" xfId="1" builtinId="8"/>
    <cellStyle name="Normal" xfId="0" builtinId="0"/>
    <cellStyle name="Normal 2" xfId="37"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8000000}"/>
    <cellStyle name="Normal_Equity" xfId="7" xr:uid="{00000000-0005-0000-0000-00000A000000}"/>
    <cellStyle name="Normal_FamilyFriends" xfId="8" xr:uid="{00000000-0005-0000-0000-00000B000000}"/>
    <cellStyle name="Normal_GenHealth" xfId="9" xr:uid="{00000000-0005-0000-0000-00000C000000}"/>
    <cellStyle name="Normal_GettingInvolved" xfId="10" xr:uid="{00000000-0005-0000-0000-00000D000000}"/>
    <cellStyle name="Normal_HouseholdFinance" xfId="11" xr:uid="{00000000-0005-0000-0000-00000E000000}"/>
    <cellStyle name="Normal_HouseholdFinWB" xfId="12" xr:uid="{00000000-0005-0000-0000-00000F000000}"/>
    <cellStyle name="Normal_K10" xfId="13" xr:uid="{00000000-0005-0000-0000-000010000000}"/>
    <cellStyle name="Normal_liveability" xfId="14" xr:uid="{00000000-0005-0000-0000-000011000000}"/>
    <cellStyle name="Normal_Mean2" xfId="15" xr:uid="{00000000-0005-0000-0000-000012000000}"/>
    <cellStyle name="Normal_Migration" xfId="16" xr:uid="{00000000-0005-0000-0000-000013000000}"/>
    <cellStyle name="Normal_NaturalCap" xfId="17" xr:uid="{00000000-0005-0000-0000-000014000000}"/>
    <cellStyle name="Normal_PhysCrime" xfId="18" xr:uid="{00000000-0005-0000-0000-000015000000}"/>
    <cellStyle name="Normal_PhysFinance" xfId="19" xr:uid="{00000000-0005-0000-0000-000016000000}"/>
    <cellStyle name="Normal_PhysLandscape" xfId="20" xr:uid="{00000000-0005-0000-0000-000018000000}"/>
    <cellStyle name="Normal_PhysTelecom" xfId="21" xr:uid="{00000000-0005-0000-0000-00001B000000}"/>
    <cellStyle name="Normal_PWI_1" xfId="22" xr:uid="{00000000-0005-0000-0000-00001C000000}"/>
    <cellStyle name="Normal_Self efficacy" xfId="23" xr:uid="{00000000-0005-0000-0000-00001D000000}"/>
    <cellStyle name="Normal_Sheet1" xfId="24" xr:uid="{00000000-0005-0000-0000-00001E000000}"/>
    <cellStyle name="Normal_Sheet1_1" xfId="25" xr:uid="{00000000-0005-0000-0000-00001F000000}"/>
    <cellStyle name="Normal_Sheet10" xfId="26" xr:uid="{00000000-0005-0000-0000-000020000000}"/>
    <cellStyle name="Normal_Sheet13" xfId="27" xr:uid="{00000000-0005-0000-0000-000022000000}"/>
    <cellStyle name="Normal_Sheet2_1" xfId="28" xr:uid="{00000000-0005-0000-0000-000023000000}"/>
    <cellStyle name="Normal_Sheet4" xfId="29" xr:uid="{00000000-0005-0000-0000-000025000000}"/>
    <cellStyle name="Normal_Sheet5" xfId="30" xr:uid="{00000000-0005-0000-0000-000026000000}"/>
    <cellStyle name="Normal_Sheet5_1" xfId="31" xr:uid="{00000000-0005-0000-0000-000027000000}"/>
    <cellStyle name="Normal_Sheet6" xfId="32" xr:uid="{00000000-0005-0000-0000-000028000000}"/>
    <cellStyle name="Normal_Sheet7" xfId="33" xr:uid="{00000000-0005-0000-0000-000029000000}"/>
    <cellStyle name="Normal_Sheet7_1" xfId="34" xr:uid="{00000000-0005-0000-0000-00002A000000}"/>
    <cellStyle name="Normal_Sheet8" xfId="35" xr:uid="{00000000-0005-0000-0000-00002B000000}"/>
    <cellStyle name="Normal_Volunteering" xfId="36" xr:uid="{00000000-0005-0000-0000-00002C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JP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17</xdr:col>
      <xdr:colOff>361950</xdr:colOff>
      <xdr:row>29</xdr:row>
      <xdr:rowOff>97631</xdr:rowOff>
    </xdr:to>
    <xdr:pic>
      <xdr:nvPicPr>
        <xdr:cNvPr id="6" name="Picture 5">
          <a:extLst>
            <a:ext uri="{FF2B5EF4-FFF2-40B4-BE49-F238E27FC236}">
              <a16:creationId xmlns:a16="http://schemas.microsoft.com/office/drawing/2014/main" id="{6A0D7937-0D08-454B-ABEC-1A0CD9CAD598}"/>
            </a:ext>
          </a:extLst>
        </xdr:cNvPr>
        <xdr:cNvPicPr>
          <a:picLocks noChangeAspect="1"/>
        </xdr:cNvPicPr>
      </xdr:nvPicPr>
      <xdr:blipFill>
        <a:blip xmlns:r="http://schemas.openxmlformats.org/officeDocument/2006/relationships" r:embed="rId1"/>
        <a:stretch>
          <a:fillRect/>
        </a:stretch>
      </xdr:blipFill>
      <xdr:spPr>
        <a:xfrm>
          <a:off x="0" y="0"/>
          <a:ext cx="10401300" cy="5850731"/>
        </a:xfrm>
        <a:prstGeom prst="rect">
          <a:avLst/>
        </a:prstGeom>
      </xdr:spPr>
    </xdr:pic>
    <xdr:clientData/>
  </xdr:twoCellAnchor>
</xdr:wsDr>
</file>

<file path=xl/theme/theme1.xml><?xml version="1.0" encoding="utf-8"?>
<a:theme xmlns:a="http://schemas.openxmlformats.org/drawingml/2006/main" name="Kilter">
  <a:themeElements>
    <a:clrScheme name="Blue Green">
      <a:dk1>
        <a:sysClr val="windowText" lastClr="000000"/>
      </a:dk1>
      <a:lt1>
        <a:sysClr val="window" lastClr="FFFFFF"/>
      </a:lt1>
      <a:dk2>
        <a:srgbClr val="373545"/>
      </a:dk2>
      <a:lt2>
        <a:srgbClr val="CEDBE6"/>
      </a:lt2>
      <a:accent1>
        <a:srgbClr val="3494BA"/>
      </a:accent1>
      <a:accent2>
        <a:srgbClr val="58B6C0"/>
      </a:accent2>
      <a:accent3>
        <a:srgbClr val="75BDA7"/>
      </a:accent3>
      <a:accent4>
        <a:srgbClr val="7A8C8E"/>
      </a:accent4>
      <a:accent5>
        <a:srgbClr val="84ACB6"/>
      </a:accent5>
      <a:accent6>
        <a:srgbClr val="2683C6"/>
      </a:accent6>
      <a:hlink>
        <a:srgbClr val="6B9F25"/>
      </a:hlink>
      <a:folHlink>
        <a:srgbClr val="9F6715"/>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S1" sqref="S1"/>
    </sheetView>
  </sheetViews>
  <sheetFormatPr defaultColWidth="8.85546875" defaultRowHeight="15"/>
  <cols>
    <col min="1" max="16384" width="8.85546875" style="2"/>
  </cols>
  <sheetData>
    <row r="1" spans="11:19" ht="23.25">
      <c r="Q1" s="226"/>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D198"/>
  <sheetViews>
    <sheetView zoomScaleNormal="100" workbookViewId="0">
      <selection activeCell="A120" sqref="A120:L120"/>
    </sheetView>
  </sheetViews>
  <sheetFormatPr defaultColWidth="18.5703125" defaultRowHeight="15"/>
  <cols>
    <col min="1" max="1" width="36.85546875" customWidth="1"/>
  </cols>
  <sheetData>
    <row r="1" spans="1:4" ht="31.5">
      <c r="A1" s="33" t="s">
        <v>45</v>
      </c>
    </row>
    <row r="3" spans="1:4" ht="18.75">
      <c r="A3" s="317" t="s">
        <v>12</v>
      </c>
      <c r="B3" s="317"/>
      <c r="C3" s="317"/>
      <c r="D3" s="317"/>
    </row>
    <row r="4" spans="1:4" ht="97.5" customHeight="1">
      <c r="A4" s="383" t="s">
        <v>485</v>
      </c>
      <c r="B4" s="383"/>
      <c r="C4" s="383"/>
      <c r="D4" s="383"/>
    </row>
    <row r="5" spans="1:4" ht="42" customHeight="1">
      <c r="A5" s="365" t="s">
        <v>148</v>
      </c>
      <c r="B5" s="365"/>
      <c r="C5" s="365"/>
      <c r="D5" s="365"/>
    </row>
    <row r="6" spans="1:4" ht="36.75" customHeight="1">
      <c r="A6" s="37" t="s">
        <v>85</v>
      </c>
      <c r="B6" s="38" t="s">
        <v>86</v>
      </c>
      <c r="C6" s="39" t="s">
        <v>87</v>
      </c>
      <c r="D6" s="40" t="s">
        <v>88</v>
      </c>
    </row>
    <row r="7" spans="1:4" ht="75.75" customHeight="1">
      <c r="A7" s="41"/>
      <c r="B7" s="42" t="s">
        <v>89</v>
      </c>
      <c r="C7" s="126" t="s">
        <v>149</v>
      </c>
      <c r="D7" s="44" t="s">
        <v>91</v>
      </c>
    </row>
    <row r="8" spans="1:4">
      <c r="A8" s="45" t="s">
        <v>435</v>
      </c>
      <c r="B8" s="168">
        <v>8622</v>
      </c>
      <c r="C8" s="84">
        <v>4.4000000000000004</v>
      </c>
      <c r="D8" s="85">
        <v>1.9599999999999999E-2</v>
      </c>
    </row>
    <row r="9" spans="1:4">
      <c r="A9" s="49" t="s">
        <v>436</v>
      </c>
      <c r="B9" s="49">
        <v>7978</v>
      </c>
      <c r="C9" s="170">
        <v>4.3280430000000001</v>
      </c>
      <c r="D9" s="130">
        <v>5.7529919999999998E-2</v>
      </c>
    </row>
    <row r="10" spans="1:4">
      <c r="A10" s="53" t="s">
        <v>437</v>
      </c>
      <c r="B10" s="53">
        <v>777</v>
      </c>
      <c r="C10" s="84">
        <v>4.37</v>
      </c>
      <c r="D10" s="85">
        <v>9.8000000000000004E-2</v>
      </c>
    </row>
    <row r="11" spans="1:4">
      <c r="A11" s="49" t="s">
        <v>438</v>
      </c>
      <c r="B11" s="49">
        <v>87</v>
      </c>
      <c r="C11" s="170">
        <v>3.78</v>
      </c>
      <c r="D11" s="130">
        <v>0.29399999999999998</v>
      </c>
    </row>
    <row r="12" spans="1:4">
      <c r="A12" s="53" t="s">
        <v>439</v>
      </c>
      <c r="B12" s="53">
        <v>597</v>
      </c>
      <c r="C12" s="84">
        <v>4.53</v>
      </c>
      <c r="D12" s="85">
        <v>0.1176</v>
      </c>
    </row>
    <row r="13" spans="1:4">
      <c r="A13" s="49" t="s">
        <v>440</v>
      </c>
      <c r="B13" s="49">
        <v>271</v>
      </c>
      <c r="C13" s="170">
        <v>4.84</v>
      </c>
      <c r="D13" s="130">
        <v>0.15679999999999999</v>
      </c>
    </row>
    <row r="14" spans="1:4">
      <c r="A14" s="53" t="s">
        <v>441</v>
      </c>
      <c r="B14" s="53">
        <v>69</v>
      </c>
      <c r="C14" s="84">
        <v>4.18</v>
      </c>
      <c r="D14" s="85">
        <v>0.3528</v>
      </c>
    </row>
    <row r="15" spans="1:4">
      <c r="A15" s="49" t="s">
        <v>442</v>
      </c>
      <c r="B15" s="49">
        <v>134</v>
      </c>
      <c r="C15" s="170">
        <v>4.0999999999999996</v>
      </c>
      <c r="D15" s="130">
        <v>0.23519999999999999</v>
      </c>
    </row>
    <row r="16" spans="1:4">
      <c r="A16" s="53" t="s">
        <v>443</v>
      </c>
      <c r="B16" s="53">
        <v>117</v>
      </c>
      <c r="C16" s="84">
        <v>4.45</v>
      </c>
      <c r="D16" s="85">
        <v>0.23519999999999999</v>
      </c>
    </row>
    <row r="17" spans="1:25">
      <c r="A17" s="49" t="s">
        <v>444</v>
      </c>
      <c r="B17" s="49">
        <v>575</v>
      </c>
      <c r="C17" s="170">
        <v>4.3099999999999996</v>
      </c>
      <c r="D17" s="130">
        <v>0.1176</v>
      </c>
    </row>
    <row r="18" spans="1:25">
      <c r="A18" s="45" t="s">
        <v>445</v>
      </c>
      <c r="B18" s="168">
        <v>513</v>
      </c>
      <c r="C18" s="84">
        <v>4.28</v>
      </c>
      <c r="D18" s="85">
        <v>0.1176</v>
      </c>
    </row>
    <row r="19" spans="1:25" ht="25.5">
      <c r="A19" s="49" t="s">
        <v>450</v>
      </c>
      <c r="B19" s="169">
        <v>116</v>
      </c>
      <c r="C19" s="170">
        <v>4.07</v>
      </c>
      <c r="D19" s="130">
        <v>0.27440000000000003</v>
      </c>
    </row>
    <row r="20" spans="1:25">
      <c r="A20" s="53" t="s">
        <v>447</v>
      </c>
      <c r="B20" s="83">
        <v>168</v>
      </c>
      <c r="C20" s="84">
        <v>4.62</v>
      </c>
      <c r="D20" s="85">
        <v>0.1764</v>
      </c>
      <c r="P20" s="249"/>
      <c r="Q20" s="249"/>
      <c r="R20" s="249"/>
      <c r="S20" s="249"/>
      <c r="T20" s="249"/>
      <c r="U20" s="249"/>
      <c r="V20" s="249"/>
      <c r="W20" s="249"/>
      <c r="X20" s="249"/>
      <c r="Y20" s="249"/>
    </row>
    <row r="21" spans="1:25">
      <c r="A21" s="49" t="s">
        <v>446</v>
      </c>
      <c r="B21" s="169">
        <v>107</v>
      </c>
      <c r="C21" s="170">
        <v>4.63</v>
      </c>
      <c r="D21" s="130">
        <v>0.23519999999999999</v>
      </c>
      <c r="P21" s="249"/>
      <c r="Q21" s="249"/>
      <c r="R21" s="249"/>
      <c r="S21" s="249"/>
      <c r="T21" s="249"/>
      <c r="U21" s="249"/>
      <c r="V21" s="249"/>
      <c r="W21" s="249"/>
      <c r="X21" s="249"/>
      <c r="Y21" s="249"/>
    </row>
    <row r="22" spans="1:25">
      <c r="A22" s="57" t="s">
        <v>451</v>
      </c>
      <c r="B22" s="168">
        <v>59</v>
      </c>
      <c r="C22" s="84">
        <v>3.96</v>
      </c>
      <c r="D22" s="85">
        <v>0.37240000000000001</v>
      </c>
      <c r="P22" s="249"/>
      <c r="Q22" s="249"/>
      <c r="R22" s="249"/>
      <c r="S22" s="249"/>
      <c r="T22" s="249"/>
      <c r="U22" s="249"/>
      <c r="V22" s="249"/>
      <c r="W22" s="249"/>
      <c r="X22" s="249"/>
      <c r="Y22" s="249"/>
    </row>
    <row r="23" spans="1:25">
      <c r="A23" s="49" t="s">
        <v>448</v>
      </c>
      <c r="B23" s="169">
        <v>99</v>
      </c>
      <c r="C23" s="170">
        <v>4.4800000000000004</v>
      </c>
      <c r="D23" s="130">
        <v>0.25480000000000003</v>
      </c>
      <c r="P23" s="249"/>
      <c r="Q23" s="249"/>
      <c r="R23" s="249"/>
      <c r="S23" s="249"/>
      <c r="T23" s="249"/>
      <c r="U23" s="249"/>
      <c r="V23" s="249"/>
      <c r="W23" s="249"/>
      <c r="X23" s="249"/>
      <c r="Y23" s="249"/>
    </row>
    <row r="24" spans="1:25">
      <c r="A24" s="57" t="s">
        <v>449</v>
      </c>
      <c r="B24" s="168">
        <v>125</v>
      </c>
      <c r="C24" s="84">
        <v>4.3600000000000003</v>
      </c>
      <c r="D24" s="85">
        <v>0.21559999999999999</v>
      </c>
      <c r="P24" s="249"/>
      <c r="Q24" s="249"/>
      <c r="R24" s="249"/>
      <c r="S24" s="249"/>
      <c r="T24" s="249"/>
      <c r="U24" s="249"/>
      <c r="V24" s="249"/>
      <c r="W24" s="249"/>
      <c r="X24" s="249"/>
      <c r="Y24" s="249"/>
    </row>
    <row r="25" spans="1:25">
      <c r="P25" s="249"/>
      <c r="Q25" s="249"/>
      <c r="R25" s="249"/>
      <c r="S25" s="249"/>
      <c r="T25" s="249"/>
      <c r="U25" s="249"/>
      <c r="V25" s="249"/>
      <c r="W25" s="249"/>
      <c r="X25" s="249"/>
      <c r="Y25" s="249"/>
    </row>
    <row r="26" spans="1:25">
      <c r="P26" s="249"/>
      <c r="Q26" s="249"/>
      <c r="R26" s="249"/>
      <c r="S26" s="249"/>
      <c r="T26" s="249"/>
      <c r="U26" s="249"/>
      <c r="V26" s="249"/>
      <c r="W26" s="249"/>
      <c r="X26" s="249"/>
      <c r="Y26" s="249"/>
    </row>
    <row r="27" spans="1:25">
      <c r="P27" s="249"/>
      <c r="Q27" s="249"/>
      <c r="R27" s="249"/>
      <c r="S27" s="249"/>
      <c r="T27" s="249"/>
      <c r="U27" s="249"/>
      <c r="V27" s="249"/>
      <c r="W27" s="249"/>
      <c r="X27" s="249"/>
      <c r="Y27" s="249"/>
    </row>
    <row r="28" spans="1:25">
      <c r="P28" s="249"/>
      <c r="Q28" s="249"/>
      <c r="R28" s="249"/>
      <c r="S28" s="249"/>
      <c r="T28" s="249"/>
      <c r="U28" s="249"/>
      <c r="V28" s="249"/>
      <c r="W28" s="249"/>
      <c r="X28" s="249"/>
      <c r="Y28" s="249"/>
    </row>
    <row r="29" spans="1:25">
      <c r="P29" s="249"/>
      <c r="Q29" s="249"/>
      <c r="R29" s="249"/>
      <c r="S29" s="249"/>
      <c r="T29" s="249"/>
      <c r="U29" s="249"/>
      <c r="V29" s="249"/>
      <c r="W29" s="249"/>
      <c r="X29" s="249"/>
      <c r="Y29" s="249"/>
    </row>
    <row r="30" spans="1:25">
      <c r="P30" s="249"/>
      <c r="Q30" s="249"/>
      <c r="R30" s="249"/>
      <c r="S30" s="249"/>
      <c r="T30" s="249"/>
      <c r="U30" s="249"/>
      <c r="V30" s="249"/>
      <c r="W30" s="249"/>
      <c r="X30" s="249"/>
      <c r="Y30" s="249"/>
    </row>
    <row r="31" spans="1:25">
      <c r="P31" s="249"/>
      <c r="Q31" s="249"/>
      <c r="R31" s="249"/>
      <c r="S31" s="249"/>
      <c r="T31" s="249"/>
      <c r="U31" s="249"/>
      <c r="V31" s="249"/>
      <c r="W31" s="249"/>
      <c r="X31" s="249"/>
      <c r="Y31" s="249"/>
    </row>
    <row r="32" spans="1:25" ht="18.75">
      <c r="A32" s="325" t="s">
        <v>46</v>
      </c>
      <c r="B32" s="325"/>
      <c r="C32" s="325"/>
      <c r="D32" s="325"/>
      <c r="E32" s="325"/>
      <c r="F32" s="325"/>
      <c r="G32" s="325"/>
      <c r="H32" s="325"/>
      <c r="I32" s="325"/>
      <c r="J32" s="325"/>
      <c r="K32" s="325"/>
      <c r="L32" s="325"/>
      <c r="M32" s="325"/>
      <c r="N32" s="325"/>
      <c r="O32" s="325"/>
      <c r="P32" s="227"/>
      <c r="Q32" s="227"/>
      <c r="R32" s="227"/>
      <c r="S32" s="227"/>
      <c r="T32" s="227"/>
      <c r="U32" s="227"/>
      <c r="V32" s="227"/>
      <c r="W32" s="249"/>
      <c r="X32" s="249"/>
      <c r="Y32" s="249"/>
    </row>
    <row r="33" spans="1:25" ht="66" customHeight="1">
      <c r="A33" s="385" t="s">
        <v>314</v>
      </c>
      <c r="B33" s="385"/>
      <c r="C33" s="385"/>
      <c r="D33" s="385"/>
      <c r="E33" s="385"/>
      <c r="F33" s="385"/>
      <c r="G33" s="385"/>
      <c r="H33" s="385"/>
      <c r="I33" s="385"/>
      <c r="J33" s="385"/>
      <c r="K33" s="385"/>
      <c r="L33" s="385"/>
      <c r="M33" s="385"/>
      <c r="N33" s="385"/>
      <c r="O33" s="385"/>
      <c r="P33" s="253"/>
      <c r="Q33" s="253"/>
      <c r="R33" s="253"/>
      <c r="S33" s="253"/>
      <c r="T33" s="253"/>
      <c r="U33" s="253"/>
      <c r="V33" s="253"/>
      <c r="W33" s="249"/>
      <c r="X33" s="249"/>
      <c r="Y33" s="249"/>
    </row>
    <row r="34" spans="1:25" ht="37.5" customHeight="1">
      <c r="A34" s="64"/>
      <c r="B34" s="363" t="s">
        <v>326</v>
      </c>
      <c r="C34" s="363"/>
      <c r="D34" s="363"/>
      <c r="E34" s="363"/>
      <c r="F34" s="363"/>
      <c r="G34" s="363"/>
      <c r="H34" s="363"/>
      <c r="I34" s="363" t="s">
        <v>327</v>
      </c>
      <c r="J34" s="363"/>
      <c r="K34" s="363"/>
      <c r="L34" s="363"/>
      <c r="M34" s="363"/>
      <c r="N34" s="363"/>
      <c r="O34" s="363"/>
      <c r="P34" s="249"/>
      <c r="Q34" s="249"/>
      <c r="R34" s="249"/>
      <c r="S34" s="249"/>
      <c r="T34" s="249"/>
      <c r="U34" s="249"/>
      <c r="V34" s="249"/>
      <c r="W34" s="249"/>
      <c r="X34" s="249"/>
      <c r="Y34" s="249"/>
    </row>
    <row r="35" spans="1:25" ht="37.5" customHeight="1">
      <c r="A35" s="37" t="s">
        <v>85</v>
      </c>
      <c r="B35" s="38" t="s">
        <v>86</v>
      </c>
      <c r="C35" s="38" t="s">
        <v>150</v>
      </c>
      <c r="D35" s="89" t="s">
        <v>393</v>
      </c>
      <c r="E35" s="38" t="s">
        <v>151</v>
      </c>
      <c r="F35" s="89" t="s">
        <v>394</v>
      </c>
      <c r="G35" s="38" t="s">
        <v>152</v>
      </c>
      <c r="H35" s="89" t="s">
        <v>395</v>
      </c>
      <c r="I35" s="38" t="s">
        <v>86</v>
      </c>
      <c r="J35" s="38" t="s">
        <v>150</v>
      </c>
      <c r="K35" s="89" t="s">
        <v>393</v>
      </c>
      <c r="L35" s="38" t="s">
        <v>151</v>
      </c>
      <c r="M35" s="89" t="s">
        <v>394</v>
      </c>
      <c r="N35" s="38" t="s">
        <v>152</v>
      </c>
      <c r="O35" s="89" t="s">
        <v>395</v>
      </c>
    </row>
    <row r="36" spans="1:25" ht="71.25" customHeight="1">
      <c r="A36" s="41"/>
      <c r="B36" s="42" t="s">
        <v>89</v>
      </c>
      <c r="C36" s="42" t="s">
        <v>181</v>
      </c>
      <c r="D36" s="91" t="s">
        <v>104</v>
      </c>
      <c r="E36" s="42" t="s">
        <v>182</v>
      </c>
      <c r="F36" s="91" t="s">
        <v>104</v>
      </c>
      <c r="G36" s="42" t="s">
        <v>183</v>
      </c>
      <c r="H36" s="91" t="s">
        <v>104</v>
      </c>
      <c r="I36" s="42" t="s">
        <v>89</v>
      </c>
      <c r="J36" s="42" t="s">
        <v>181</v>
      </c>
      <c r="K36" s="91" t="s">
        <v>104</v>
      </c>
      <c r="L36" s="42" t="s">
        <v>182</v>
      </c>
      <c r="M36" s="91" t="s">
        <v>104</v>
      </c>
      <c r="N36" s="42" t="s">
        <v>183</v>
      </c>
      <c r="O36" s="91" t="s">
        <v>104</v>
      </c>
    </row>
    <row r="37" spans="1:25">
      <c r="A37" s="45" t="s">
        <v>435</v>
      </c>
      <c r="B37" s="168">
        <v>8604</v>
      </c>
      <c r="C37" s="171">
        <v>0.193</v>
      </c>
      <c r="D37" s="94">
        <v>8.509741074131473E-3</v>
      </c>
      <c r="E37" s="171">
        <v>0.17899999999999999</v>
      </c>
      <c r="F37" s="94">
        <v>8.2664374032983337E-3</v>
      </c>
      <c r="G37" s="171">
        <v>0.628</v>
      </c>
      <c r="H37" s="94">
        <v>1.0419438315405576E-2</v>
      </c>
      <c r="I37" s="168">
        <v>8598</v>
      </c>
      <c r="J37" s="171">
        <v>0.39400000000000002</v>
      </c>
      <c r="K37" s="94">
        <v>1.0537175191888152E-2</v>
      </c>
      <c r="L37" s="171">
        <v>0.16600000000000001</v>
      </c>
      <c r="M37" s="94">
        <v>8.026569595508945E-3</v>
      </c>
      <c r="N37" s="171">
        <v>0.44</v>
      </c>
      <c r="O37" s="94">
        <v>1.0704184304635267E-2</v>
      </c>
    </row>
    <row r="38" spans="1:25">
      <c r="A38" s="49" t="s">
        <v>436</v>
      </c>
      <c r="B38" s="169">
        <v>8001</v>
      </c>
      <c r="C38" s="172">
        <v>0.20130000000000001</v>
      </c>
      <c r="D38" s="97">
        <v>8.9656838647354277E-3</v>
      </c>
      <c r="E38" s="172">
        <v>0.1928</v>
      </c>
      <c r="F38" s="97">
        <v>8.8211445853471886E-3</v>
      </c>
      <c r="G38" s="172">
        <v>0.60580000000000001</v>
      </c>
      <c r="H38" s="97">
        <v>1.0924018860253666E-2</v>
      </c>
      <c r="I38" s="169">
        <v>7995</v>
      </c>
      <c r="J38" s="172">
        <v>0.41249999999999998</v>
      </c>
      <c r="K38" s="97">
        <v>1.1008671650237495E-2</v>
      </c>
      <c r="L38" s="172">
        <v>0.16800000000000001</v>
      </c>
      <c r="M38" s="97">
        <v>8.3637222030356964E-3</v>
      </c>
      <c r="N38" s="172">
        <v>0.41949999999999998</v>
      </c>
      <c r="O38" s="97">
        <v>1.1035322243231458E-2</v>
      </c>
    </row>
    <row r="39" spans="1:25">
      <c r="A39" s="53" t="s">
        <v>437</v>
      </c>
      <c r="B39" s="168">
        <v>776</v>
      </c>
      <c r="C39" s="171">
        <v>0.2273</v>
      </c>
      <c r="D39" s="94">
        <v>3.0076438962391702E-2</v>
      </c>
      <c r="E39" s="171">
        <v>0.1668</v>
      </c>
      <c r="F39" s="94">
        <v>2.6805427112567452E-2</v>
      </c>
      <c r="G39" s="171">
        <v>0.60589999999999999</v>
      </c>
      <c r="H39" s="94">
        <v>3.5001825502559245E-2</v>
      </c>
      <c r="I39" s="168">
        <v>777</v>
      </c>
      <c r="J39" s="171">
        <v>0.38059999999999999</v>
      </c>
      <c r="K39" s="94">
        <v>3.4758305625612732E-2</v>
      </c>
      <c r="L39" s="171">
        <v>0.1651</v>
      </c>
      <c r="M39" s="94">
        <v>2.6680440559231369E-2</v>
      </c>
      <c r="N39" s="171">
        <v>0.45440000000000003</v>
      </c>
      <c r="O39" s="94">
        <v>3.5635218657947734E-2</v>
      </c>
    </row>
    <row r="40" spans="1:25">
      <c r="A40" s="49" t="s">
        <v>438</v>
      </c>
      <c r="B40" s="169">
        <v>87</v>
      </c>
      <c r="C40" s="172">
        <v>0.19600000000000001</v>
      </c>
      <c r="D40" s="97">
        <v>8.5299710378957228E-2</v>
      </c>
      <c r="E40" s="172">
        <v>0.19500000000000001</v>
      </c>
      <c r="F40" s="97">
        <v>8.5156168168829094E-2</v>
      </c>
      <c r="G40" s="172">
        <v>0.60899999999999999</v>
      </c>
      <c r="H40" s="97">
        <v>0.10252644318993093</v>
      </c>
      <c r="I40" s="169">
        <v>87</v>
      </c>
      <c r="J40" s="172">
        <v>0.67100000000000004</v>
      </c>
      <c r="K40" s="97">
        <v>9.9066664165758378E-2</v>
      </c>
      <c r="L40" s="172">
        <v>9.4E-2</v>
      </c>
      <c r="M40" s="97">
        <v>6.6079070755505093E-2</v>
      </c>
      <c r="N40" s="172">
        <v>0.23400000000000001</v>
      </c>
      <c r="O40" s="97">
        <v>9.025667857743358E-2</v>
      </c>
    </row>
    <row r="41" spans="1:25">
      <c r="A41" s="53" t="s">
        <v>439</v>
      </c>
      <c r="B41" s="168">
        <v>595</v>
      </c>
      <c r="C41" s="171">
        <v>0.17899999999999999</v>
      </c>
      <c r="D41" s="94">
        <v>3.1472549845600245E-2</v>
      </c>
      <c r="E41" s="171">
        <v>0.17199999999999999</v>
      </c>
      <c r="F41" s="94">
        <v>3.0993353866777654E-2</v>
      </c>
      <c r="G41" s="171">
        <v>0.64900000000000002</v>
      </c>
      <c r="H41" s="94">
        <v>3.9027794342574487E-2</v>
      </c>
      <c r="I41" s="168">
        <v>593</v>
      </c>
      <c r="J41" s="171">
        <v>0.36899999999999999</v>
      </c>
      <c r="K41" s="94">
        <v>3.9517033433004417E-2</v>
      </c>
      <c r="L41" s="171">
        <v>0.14599999999999999</v>
      </c>
      <c r="M41" s="94">
        <v>2.9096690961236755E-2</v>
      </c>
      <c r="N41" s="171">
        <v>0.48499999999999999</v>
      </c>
      <c r="O41" s="94">
        <v>4.0909100114666065E-2</v>
      </c>
    </row>
    <row r="42" spans="1:25">
      <c r="A42" s="49" t="s">
        <v>440</v>
      </c>
      <c r="B42" s="169">
        <v>269</v>
      </c>
      <c r="C42" s="172">
        <v>0.14399999999999999</v>
      </c>
      <c r="D42" s="97">
        <v>4.3128680033725532E-2</v>
      </c>
      <c r="E42" s="172">
        <v>0.154</v>
      </c>
      <c r="F42" s="97">
        <v>4.4271301506837918E-2</v>
      </c>
      <c r="G42" s="172">
        <v>0.70199999999999996</v>
      </c>
      <c r="H42" s="97">
        <v>5.5520574907352981E-2</v>
      </c>
      <c r="I42" s="169">
        <v>268</v>
      </c>
      <c r="J42" s="172">
        <v>0.26500000000000001</v>
      </c>
      <c r="K42" s="97">
        <v>5.3740569840758895E-2</v>
      </c>
      <c r="L42" s="172">
        <v>0.13900000000000001</v>
      </c>
      <c r="M42" s="97">
        <v>4.2613824562432526E-2</v>
      </c>
      <c r="N42" s="172">
        <v>0.59599999999999997</v>
      </c>
      <c r="O42" s="97">
        <v>5.9539046227213323E-2</v>
      </c>
    </row>
    <row r="43" spans="1:25">
      <c r="A43" s="53" t="s">
        <v>441</v>
      </c>
      <c r="B43" s="168">
        <v>69</v>
      </c>
      <c r="C43" s="171">
        <v>0.20300000000000001</v>
      </c>
      <c r="D43" s="94">
        <v>9.6852634151136263E-2</v>
      </c>
      <c r="E43" s="171">
        <v>0.25900000000000001</v>
      </c>
      <c r="F43" s="94">
        <v>0.10418888443021501</v>
      </c>
      <c r="G43" s="171">
        <v>0.53900000000000003</v>
      </c>
      <c r="H43" s="94">
        <v>0.11672262360582737</v>
      </c>
      <c r="I43" s="168">
        <v>69</v>
      </c>
      <c r="J43" s="171">
        <v>0.5</v>
      </c>
      <c r="K43" s="94">
        <v>0.11704114719613055</v>
      </c>
      <c r="L43" s="171">
        <v>0.17699999999999999</v>
      </c>
      <c r="M43" s="94">
        <v>9.2689221066449029E-2</v>
      </c>
      <c r="N43" s="171">
        <v>0.32200000000000001</v>
      </c>
      <c r="O43" s="94">
        <v>0.11021599960563914</v>
      </c>
    </row>
    <row r="44" spans="1:25">
      <c r="A44" s="49" t="s">
        <v>442</v>
      </c>
      <c r="B44" s="169">
        <v>134</v>
      </c>
      <c r="C44" s="172">
        <v>0.218</v>
      </c>
      <c r="D44" s="97">
        <v>7.1225153125433371E-2</v>
      </c>
      <c r="E44" s="172">
        <v>0.19</v>
      </c>
      <c r="F44" s="97">
        <v>6.7970640540077107E-2</v>
      </c>
      <c r="G44" s="172">
        <v>0.59199999999999997</v>
      </c>
      <c r="H44" s="97">
        <v>8.3755952512764437E-2</v>
      </c>
      <c r="I44" s="169">
        <v>133</v>
      </c>
      <c r="J44" s="172">
        <v>0.52100000000000002</v>
      </c>
      <c r="K44" s="97">
        <v>8.5364717901239631E-2</v>
      </c>
      <c r="L44" s="172">
        <v>0.126</v>
      </c>
      <c r="M44" s="97">
        <v>5.873923608986021E-2</v>
      </c>
      <c r="N44" s="172">
        <v>0.35199999999999998</v>
      </c>
      <c r="O44" s="97">
        <v>8.1832371515083505E-2</v>
      </c>
    </row>
    <row r="45" spans="1:25">
      <c r="A45" s="53" t="s">
        <v>443</v>
      </c>
      <c r="B45" s="168">
        <v>117</v>
      </c>
      <c r="C45" s="171">
        <v>0.20499999999999999</v>
      </c>
      <c r="D45" s="94">
        <v>7.466367924790715E-2</v>
      </c>
      <c r="E45" s="171">
        <v>0.155</v>
      </c>
      <c r="F45" s="94">
        <v>6.7717045818505503E-2</v>
      </c>
      <c r="G45" s="171">
        <v>0.64100000000000001</v>
      </c>
      <c r="H45" s="94">
        <v>8.7464130999193215E-2</v>
      </c>
      <c r="I45" s="168">
        <v>117</v>
      </c>
      <c r="J45" s="171">
        <v>0.38700000000000001</v>
      </c>
      <c r="K45" s="94">
        <v>8.8711861024937222E-2</v>
      </c>
      <c r="L45" s="171">
        <v>0.17</v>
      </c>
      <c r="M45" s="94">
        <v>6.9989607666710585E-2</v>
      </c>
      <c r="N45" s="171">
        <v>0.442</v>
      </c>
      <c r="O45" s="94">
        <v>9.0335414830575583E-2</v>
      </c>
    </row>
    <row r="46" spans="1:25">
      <c r="A46" s="49" t="s">
        <v>444</v>
      </c>
      <c r="B46" s="169">
        <v>574</v>
      </c>
      <c r="C46" s="172">
        <v>0.20799999999999999</v>
      </c>
      <c r="D46" s="97">
        <v>3.3884808029053776E-2</v>
      </c>
      <c r="E46" s="172">
        <v>0.191</v>
      </c>
      <c r="F46" s="97">
        <v>3.283975600831765E-2</v>
      </c>
      <c r="G46" s="172">
        <v>0.60099999999999998</v>
      </c>
      <c r="H46" s="97">
        <v>4.074901673839771E-2</v>
      </c>
      <c r="I46" s="169">
        <v>574</v>
      </c>
      <c r="J46" s="172">
        <v>0.45900000000000002</v>
      </c>
      <c r="K46" s="97">
        <v>4.1456375197227953E-2</v>
      </c>
      <c r="L46" s="172">
        <v>0.129</v>
      </c>
      <c r="M46" s="97">
        <v>2.8119551230250697E-2</v>
      </c>
      <c r="N46" s="172">
        <v>0.41199999999999998</v>
      </c>
      <c r="O46" s="97">
        <v>4.0954258602448772E-2</v>
      </c>
    </row>
    <row r="47" spans="1:25">
      <c r="A47" s="45" t="s">
        <v>445</v>
      </c>
      <c r="B47" s="168">
        <v>512</v>
      </c>
      <c r="C47" s="171">
        <v>0.19600000000000001</v>
      </c>
      <c r="D47" s="94">
        <v>3.5109049683568275E-2</v>
      </c>
      <c r="E47" s="171">
        <v>0.224</v>
      </c>
      <c r="F47" s="94">
        <v>3.6831950829534756E-2</v>
      </c>
      <c r="G47" s="171">
        <v>0.57899999999999996</v>
      </c>
      <c r="H47" s="94">
        <v>4.3478176353322122E-2</v>
      </c>
      <c r="I47" s="168">
        <v>512</v>
      </c>
      <c r="J47" s="171">
        <v>0.47499999999999998</v>
      </c>
      <c r="K47" s="94">
        <v>4.3968333598350368E-2</v>
      </c>
      <c r="L47" s="171">
        <v>0.13100000000000001</v>
      </c>
      <c r="M47" s="94">
        <v>2.9979559056173218E-2</v>
      </c>
      <c r="N47" s="171">
        <v>0.39400000000000002</v>
      </c>
      <c r="O47" s="94">
        <v>4.3037528814264002E-2</v>
      </c>
    </row>
    <row r="48" spans="1:25" ht="25.5">
      <c r="A48" s="49" t="s">
        <v>450</v>
      </c>
      <c r="B48" s="169">
        <v>116</v>
      </c>
      <c r="C48" s="172">
        <v>0.27700000000000002</v>
      </c>
      <c r="D48" s="97">
        <v>8.2367269434369839E-2</v>
      </c>
      <c r="E48" s="172">
        <v>0.125</v>
      </c>
      <c r="F48" s="97">
        <v>6.2873881699796463E-2</v>
      </c>
      <c r="G48" s="172">
        <v>0.59899999999999998</v>
      </c>
      <c r="H48" s="97">
        <v>8.959938801874337E-2</v>
      </c>
      <c r="I48" s="169">
        <v>116</v>
      </c>
      <c r="J48" s="172">
        <v>0.58799999999999997</v>
      </c>
      <c r="K48" s="97">
        <v>8.9956223098094076E-2</v>
      </c>
      <c r="L48" s="172">
        <v>0.111</v>
      </c>
      <c r="M48" s="97">
        <v>6.0166140040785458E-2</v>
      </c>
      <c r="N48" s="172">
        <v>0.30099999999999999</v>
      </c>
      <c r="O48" s="97">
        <v>8.4260521708084138E-2</v>
      </c>
    </row>
    <row r="49" spans="1:15">
      <c r="A49" s="53" t="s">
        <v>447</v>
      </c>
      <c r="B49" s="168">
        <v>168</v>
      </c>
      <c r="C49" s="171">
        <v>0.105</v>
      </c>
      <c r="D49" s="94">
        <v>4.8500202179792513E-2</v>
      </c>
      <c r="E49" s="171">
        <v>0.13800000000000001</v>
      </c>
      <c r="F49" s="94">
        <v>5.3912115578228011E-2</v>
      </c>
      <c r="G49" s="171">
        <v>0.75700000000000001</v>
      </c>
      <c r="H49" s="94">
        <v>6.594347915301238E-2</v>
      </c>
      <c r="I49" s="168">
        <v>168</v>
      </c>
      <c r="J49" s="171">
        <v>0.39</v>
      </c>
      <c r="K49" s="94">
        <v>7.4468074417411115E-2</v>
      </c>
      <c r="L49" s="171">
        <v>0.182</v>
      </c>
      <c r="M49" s="94">
        <v>5.9752347560390461E-2</v>
      </c>
      <c r="N49" s="171">
        <v>0.42699999999999999</v>
      </c>
      <c r="O49" s="94">
        <v>7.5469996867180283E-2</v>
      </c>
    </row>
    <row r="50" spans="1:15">
      <c r="A50" s="49" t="s">
        <v>446</v>
      </c>
      <c r="B50" s="169">
        <v>107</v>
      </c>
      <c r="C50" s="172">
        <v>0.11799999999999999</v>
      </c>
      <c r="D50" s="97">
        <v>6.4207868715371222E-2</v>
      </c>
      <c r="E50" s="172">
        <v>0.11899999999999999</v>
      </c>
      <c r="F50" s="97">
        <v>6.4406521010456422E-2</v>
      </c>
      <c r="G50" s="172">
        <v>0.76300000000000001</v>
      </c>
      <c r="H50" s="97">
        <v>8.1809783897763791E-2</v>
      </c>
      <c r="I50" s="169">
        <v>107</v>
      </c>
      <c r="J50" s="172">
        <v>0.39100000000000001</v>
      </c>
      <c r="K50" s="97">
        <v>9.2796369079030133E-2</v>
      </c>
      <c r="L50" s="172">
        <v>0.18099999999999999</v>
      </c>
      <c r="M50" s="97">
        <v>7.4843014011236192E-2</v>
      </c>
      <c r="N50" s="172">
        <v>0.42799999999999999</v>
      </c>
      <c r="O50" s="97">
        <v>9.3996911910270084E-2</v>
      </c>
    </row>
    <row r="51" spans="1:15">
      <c r="A51" s="57" t="s">
        <v>451</v>
      </c>
      <c r="B51" s="168">
        <v>59</v>
      </c>
      <c r="C51" s="171">
        <v>0.31900000000000001</v>
      </c>
      <c r="D51" s="94">
        <v>0.11852722129531536</v>
      </c>
      <c r="E51" s="171">
        <v>0.246</v>
      </c>
      <c r="F51" s="94">
        <v>0.11081700297006913</v>
      </c>
      <c r="G51" s="171">
        <v>0.435</v>
      </c>
      <c r="H51" s="94">
        <v>0.12505096762533766</v>
      </c>
      <c r="I51" s="168">
        <v>59</v>
      </c>
      <c r="J51" s="171">
        <v>0.47799999999999998</v>
      </c>
      <c r="K51" s="94">
        <v>0.12588115059830729</v>
      </c>
      <c r="L51" s="171">
        <v>0.10100000000000001</v>
      </c>
      <c r="M51" s="94">
        <v>8.3712744747481346E-2</v>
      </c>
      <c r="N51" s="171">
        <v>0.42099999999999999</v>
      </c>
      <c r="O51" s="94">
        <v>0.12460129402736964</v>
      </c>
    </row>
    <row r="52" spans="1:15">
      <c r="A52" s="49" t="s">
        <v>448</v>
      </c>
      <c r="B52" s="169">
        <v>99</v>
      </c>
      <c r="C52" s="172">
        <v>0.14000000000000001</v>
      </c>
      <c r="D52" s="97">
        <v>7.1127005980825719E-2</v>
      </c>
      <c r="E52" s="172">
        <v>0.24299999999999999</v>
      </c>
      <c r="F52" s="97">
        <v>8.566845266569284E-2</v>
      </c>
      <c r="G52" s="172">
        <v>0.61799999999999999</v>
      </c>
      <c r="H52" s="97">
        <v>9.5964491046044417E-2</v>
      </c>
      <c r="I52" s="169">
        <v>98</v>
      </c>
      <c r="J52" s="172">
        <v>0.35199999999999998</v>
      </c>
      <c r="K52" s="97">
        <v>9.4926240773568649E-2</v>
      </c>
      <c r="L52" s="172">
        <v>0.112</v>
      </c>
      <c r="M52" s="97">
        <v>6.5986289556393518E-2</v>
      </c>
      <c r="N52" s="172">
        <v>0.53600000000000003</v>
      </c>
      <c r="O52" s="97">
        <v>9.8777558374367205E-2</v>
      </c>
    </row>
    <row r="53" spans="1:15">
      <c r="A53" s="57" t="s">
        <v>449</v>
      </c>
      <c r="B53" s="168">
        <v>124</v>
      </c>
      <c r="C53" s="171">
        <v>0.16600000000000001</v>
      </c>
      <c r="D53" s="94">
        <v>6.7385854550897309E-2</v>
      </c>
      <c r="E53" s="171">
        <v>0.28799999999999998</v>
      </c>
      <c r="F53" s="94">
        <v>8.0587900257847331E-2</v>
      </c>
      <c r="G53" s="171">
        <v>0.54600000000000004</v>
      </c>
      <c r="H53" s="94">
        <v>8.8036601691027852E-2</v>
      </c>
      <c r="I53" s="168">
        <v>125</v>
      </c>
      <c r="J53" s="171">
        <v>0.48099999999999998</v>
      </c>
      <c r="K53" s="94">
        <v>8.7985382947832327E-2</v>
      </c>
      <c r="L53" s="171">
        <v>0.129</v>
      </c>
      <c r="M53" s="94">
        <v>6.1192930839299782E-2</v>
      </c>
      <c r="N53" s="171">
        <v>0.38900000000000001</v>
      </c>
      <c r="O53" s="94">
        <v>8.5983817951117938E-2</v>
      </c>
    </row>
    <row r="61" spans="1:15" ht="18.75">
      <c r="A61" s="317" t="s">
        <v>264</v>
      </c>
      <c r="B61" s="317"/>
      <c r="C61" s="317"/>
      <c r="D61" s="317"/>
    </row>
    <row r="62" spans="1:15" ht="112.5" customHeight="1">
      <c r="A62" s="383" t="s">
        <v>315</v>
      </c>
      <c r="B62" s="383"/>
      <c r="C62" s="383"/>
      <c r="D62" s="383"/>
    </row>
    <row r="63" spans="1:15" ht="39" customHeight="1">
      <c r="A63" s="365" t="s">
        <v>265</v>
      </c>
      <c r="B63" s="365"/>
      <c r="C63" s="365"/>
      <c r="D63" s="365"/>
    </row>
    <row r="64" spans="1:15" ht="39" customHeight="1">
      <c r="A64" s="37" t="s">
        <v>85</v>
      </c>
      <c r="B64" s="38" t="s">
        <v>86</v>
      </c>
      <c r="C64" s="39" t="s">
        <v>87</v>
      </c>
      <c r="D64" s="40" t="s">
        <v>88</v>
      </c>
    </row>
    <row r="65" spans="1:4" ht="72">
      <c r="A65" s="41"/>
      <c r="B65" s="42" t="s">
        <v>89</v>
      </c>
      <c r="C65" s="126" t="s">
        <v>153</v>
      </c>
      <c r="D65" s="44" t="s">
        <v>91</v>
      </c>
    </row>
    <row r="66" spans="1:4">
      <c r="A66" s="45" t="s">
        <v>435</v>
      </c>
      <c r="B66" s="173">
        <v>8617</v>
      </c>
      <c r="C66" s="84">
        <v>2.95</v>
      </c>
      <c r="D66" s="85">
        <v>3.9199999999999999E-2</v>
      </c>
    </row>
    <row r="67" spans="1:4">
      <c r="A67" s="49" t="s">
        <v>436</v>
      </c>
      <c r="B67" s="49">
        <v>7922</v>
      </c>
      <c r="C67" s="176">
        <v>2.9209130000000001</v>
      </c>
      <c r="D67" s="177">
        <v>3.6213352000000004E-2</v>
      </c>
    </row>
    <row r="68" spans="1:4">
      <c r="A68" s="53" t="s">
        <v>437</v>
      </c>
      <c r="B68" s="53">
        <v>777</v>
      </c>
      <c r="C68" s="84">
        <v>2.64</v>
      </c>
      <c r="D68" s="85">
        <v>0.1176</v>
      </c>
    </row>
    <row r="69" spans="1:4">
      <c r="A69" s="49" t="s">
        <v>438</v>
      </c>
      <c r="B69" s="49">
        <v>87</v>
      </c>
      <c r="C69" s="176">
        <v>3.37</v>
      </c>
      <c r="D69" s="177">
        <v>0.31359999999999999</v>
      </c>
    </row>
    <row r="70" spans="1:4">
      <c r="A70" s="53" t="s">
        <v>439</v>
      </c>
      <c r="B70" s="53">
        <v>596</v>
      </c>
      <c r="C70" s="84">
        <v>2.48</v>
      </c>
      <c r="D70" s="85">
        <v>0.1176</v>
      </c>
    </row>
    <row r="71" spans="1:4">
      <c r="A71" s="49" t="s">
        <v>440</v>
      </c>
      <c r="B71" s="49">
        <v>270</v>
      </c>
      <c r="C71" s="176">
        <v>2.61</v>
      </c>
      <c r="D71" s="177">
        <v>0.1764</v>
      </c>
    </row>
    <row r="72" spans="1:4">
      <c r="A72" s="53" t="s">
        <v>441</v>
      </c>
      <c r="B72" s="53">
        <v>69</v>
      </c>
      <c r="C72" s="84">
        <v>2.1800000000000002</v>
      </c>
      <c r="D72" s="85">
        <v>0.39200000000000002</v>
      </c>
    </row>
    <row r="73" spans="1:4">
      <c r="A73" s="49" t="s">
        <v>442</v>
      </c>
      <c r="B73" s="49">
        <v>134</v>
      </c>
      <c r="C73" s="176">
        <v>2.33</v>
      </c>
      <c r="D73" s="177">
        <v>0.23519999999999999</v>
      </c>
    </row>
    <row r="74" spans="1:4">
      <c r="A74" s="53" t="s">
        <v>443</v>
      </c>
      <c r="B74" s="53">
        <v>117</v>
      </c>
      <c r="C74" s="84">
        <v>2.4900000000000002</v>
      </c>
      <c r="D74" s="85">
        <v>0.29399999999999998</v>
      </c>
    </row>
    <row r="75" spans="1:4">
      <c r="A75" s="49" t="s">
        <v>444</v>
      </c>
      <c r="B75" s="49">
        <v>574</v>
      </c>
      <c r="C75" s="176">
        <v>2.97</v>
      </c>
      <c r="D75" s="177">
        <v>0.13720000000000002</v>
      </c>
    </row>
    <row r="76" spans="1:4">
      <c r="A76" s="45" t="s">
        <v>445</v>
      </c>
      <c r="B76" s="173">
        <v>512</v>
      </c>
      <c r="C76" s="84">
        <v>3.04</v>
      </c>
      <c r="D76" s="85">
        <v>0.15679999999999999</v>
      </c>
    </row>
    <row r="77" spans="1:4" ht="25.5">
      <c r="A77" s="49" t="s">
        <v>450</v>
      </c>
      <c r="B77" s="175">
        <v>116</v>
      </c>
      <c r="C77" s="176">
        <v>2.75</v>
      </c>
      <c r="D77" s="177">
        <v>0.3332</v>
      </c>
    </row>
    <row r="78" spans="1:4">
      <c r="A78" s="53" t="s">
        <v>447</v>
      </c>
      <c r="B78" s="83">
        <v>168</v>
      </c>
      <c r="C78" s="84">
        <v>3.23</v>
      </c>
      <c r="D78" s="85">
        <v>0.25480000000000003</v>
      </c>
    </row>
    <row r="79" spans="1:4">
      <c r="A79" s="49" t="s">
        <v>446</v>
      </c>
      <c r="B79" s="175">
        <v>107</v>
      </c>
      <c r="C79" s="176">
        <v>3.04</v>
      </c>
      <c r="D79" s="177">
        <v>0.3332</v>
      </c>
    </row>
    <row r="80" spans="1:4">
      <c r="A80" s="57" t="s">
        <v>451</v>
      </c>
      <c r="B80" s="173">
        <v>59</v>
      </c>
      <c r="C80" s="84">
        <v>2.37</v>
      </c>
      <c r="D80" s="85">
        <v>0.3528</v>
      </c>
    </row>
    <row r="81" spans="1:30">
      <c r="A81" s="49" t="s">
        <v>448</v>
      </c>
      <c r="B81" s="175">
        <v>98</v>
      </c>
      <c r="C81" s="176">
        <v>3.27</v>
      </c>
      <c r="D81" s="177">
        <v>0.3332</v>
      </c>
    </row>
    <row r="82" spans="1:30">
      <c r="A82" s="57" t="s">
        <v>449</v>
      </c>
      <c r="B82" s="173">
        <v>125</v>
      </c>
      <c r="C82" s="84">
        <v>3.26</v>
      </c>
      <c r="D82" s="85">
        <v>0.31359999999999999</v>
      </c>
    </row>
    <row r="85" spans="1:30">
      <c r="P85" s="257"/>
      <c r="Q85" s="257"/>
      <c r="R85" s="257"/>
      <c r="S85" s="257"/>
      <c r="T85" s="257"/>
      <c r="U85" s="257"/>
      <c r="V85" s="257"/>
      <c r="W85" s="257"/>
      <c r="X85" s="257"/>
      <c r="Y85" s="257"/>
      <c r="Z85" s="257"/>
      <c r="AA85" s="257"/>
      <c r="AB85" s="257"/>
      <c r="AC85" s="257"/>
      <c r="AD85" s="257"/>
    </row>
    <row r="86" spans="1:30">
      <c r="P86" s="257"/>
      <c r="Q86" s="257"/>
      <c r="R86" s="257"/>
      <c r="S86" s="257"/>
      <c r="T86" s="257"/>
      <c r="U86" s="257"/>
      <c r="V86" s="257"/>
      <c r="W86" s="257"/>
      <c r="X86" s="257"/>
      <c r="Y86" s="257"/>
      <c r="Z86" s="257"/>
      <c r="AA86" s="257"/>
      <c r="AB86" s="257"/>
      <c r="AC86" s="257"/>
      <c r="AD86" s="257"/>
    </row>
    <row r="87" spans="1:30">
      <c r="P87" s="257"/>
      <c r="Q87" s="257"/>
      <c r="R87" s="257"/>
      <c r="S87" s="257"/>
      <c r="T87" s="257"/>
      <c r="U87" s="257"/>
      <c r="V87" s="257"/>
      <c r="W87" s="257"/>
      <c r="X87" s="257"/>
      <c r="Y87" s="257"/>
      <c r="Z87" s="257"/>
      <c r="AA87" s="257"/>
      <c r="AB87" s="257"/>
      <c r="AC87" s="257"/>
      <c r="AD87" s="257"/>
    </row>
    <row r="88" spans="1:30">
      <c r="P88" s="257"/>
      <c r="Q88" s="257"/>
      <c r="R88" s="257"/>
      <c r="S88" s="257"/>
      <c r="T88" s="257"/>
      <c r="U88" s="257"/>
      <c r="V88" s="257"/>
      <c r="W88" s="257"/>
      <c r="X88" s="257"/>
      <c r="Y88" s="257"/>
      <c r="Z88" s="257"/>
      <c r="AA88" s="257"/>
      <c r="AB88" s="257"/>
      <c r="AC88" s="257"/>
      <c r="AD88" s="257"/>
    </row>
    <row r="89" spans="1:30">
      <c r="P89" s="257"/>
      <c r="Q89" s="257"/>
      <c r="R89" s="257"/>
      <c r="S89" s="257"/>
      <c r="T89" s="257"/>
      <c r="U89" s="257"/>
      <c r="V89" s="257"/>
      <c r="W89" s="257"/>
      <c r="X89" s="257"/>
      <c r="Y89" s="257"/>
      <c r="Z89" s="257"/>
      <c r="AA89" s="257"/>
      <c r="AB89" s="257"/>
      <c r="AC89" s="257"/>
      <c r="AD89" s="257"/>
    </row>
    <row r="90" spans="1:30" ht="18.75">
      <c r="A90" s="325" t="s">
        <v>47</v>
      </c>
      <c r="B90" s="325"/>
      <c r="C90" s="325"/>
      <c r="D90" s="325"/>
      <c r="E90" s="325"/>
      <c r="F90" s="325"/>
      <c r="G90" s="325"/>
      <c r="H90" s="325"/>
      <c r="I90" s="325"/>
      <c r="J90" s="325"/>
      <c r="K90" s="325"/>
      <c r="L90" s="325"/>
      <c r="M90" s="325"/>
      <c r="N90" s="325"/>
      <c r="O90" s="325"/>
      <c r="P90" s="227"/>
      <c r="Q90" s="227"/>
      <c r="R90" s="227"/>
      <c r="S90" s="227"/>
      <c r="T90" s="227"/>
      <c r="U90" s="227"/>
      <c r="V90" s="227"/>
      <c r="W90" s="227"/>
      <c r="X90" s="227"/>
      <c r="Y90" s="227"/>
      <c r="Z90" s="227"/>
      <c r="AA90" s="227"/>
      <c r="AB90" s="227"/>
      <c r="AC90" s="227"/>
      <c r="AD90" s="257"/>
    </row>
    <row r="91" spans="1:30" ht="65.25" customHeight="1">
      <c r="A91" s="385" t="s">
        <v>316</v>
      </c>
      <c r="B91" s="385"/>
      <c r="C91" s="385"/>
      <c r="D91" s="385"/>
      <c r="E91" s="385"/>
      <c r="F91" s="385"/>
      <c r="G91" s="385"/>
      <c r="H91" s="385"/>
      <c r="I91" s="385"/>
      <c r="J91" s="385"/>
      <c r="K91" s="385"/>
      <c r="L91" s="385"/>
      <c r="M91" s="385"/>
      <c r="N91" s="385"/>
      <c r="O91" s="385"/>
      <c r="P91" s="253"/>
      <c r="Q91" s="253"/>
      <c r="R91" s="253"/>
      <c r="S91" s="253"/>
      <c r="T91" s="253"/>
      <c r="U91" s="253"/>
      <c r="V91" s="253"/>
      <c r="W91" s="253"/>
      <c r="X91" s="253"/>
      <c r="Y91" s="253"/>
      <c r="Z91" s="253"/>
      <c r="AA91" s="253"/>
      <c r="AB91" s="253"/>
      <c r="AC91" s="253"/>
      <c r="AD91" s="257"/>
    </row>
    <row r="92" spans="1:30" ht="38.25" customHeight="1">
      <c r="A92" s="64"/>
      <c r="B92" s="363" t="s">
        <v>241</v>
      </c>
      <c r="C92" s="363"/>
      <c r="D92" s="363"/>
      <c r="E92" s="363"/>
      <c r="F92" s="363"/>
      <c r="G92" s="363"/>
      <c r="H92" s="363"/>
      <c r="I92" s="363" t="s">
        <v>242</v>
      </c>
      <c r="J92" s="363"/>
      <c r="K92" s="363"/>
      <c r="L92" s="363"/>
      <c r="M92" s="363"/>
      <c r="N92" s="363"/>
      <c r="O92" s="363"/>
    </row>
    <row r="93" spans="1:30" ht="72">
      <c r="A93" s="37" t="s">
        <v>85</v>
      </c>
      <c r="B93" s="38" t="s">
        <v>86</v>
      </c>
      <c r="C93" s="38" t="s">
        <v>203</v>
      </c>
      <c r="D93" s="89" t="s">
        <v>154</v>
      </c>
      <c r="E93" s="38" t="s">
        <v>204</v>
      </c>
      <c r="F93" s="89" t="s">
        <v>155</v>
      </c>
      <c r="G93" s="38" t="s">
        <v>205</v>
      </c>
      <c r="H93" s="89" t="s">
        <v>156</v>
      </c>
      <c r="I93" s="65" t="s">
        <v>86</v>
      </c>
      <c r="J93" s="65" t="s">
        <v>203</v>
      </c>
      <c r="K93" s="88" t="s">
        <v>154</v>
      </c>
      <c r="L93" s="65" t="s">
        <v>204</v>
      </c>
      <c r="M93" s="88" t="s">
        <v>155</v>
      </c>
      <c r="N93" s="65" t="s">
        <v>205</v>
      </c>
      <c r="O93" s="88" t="s">
        <v>156</v>
      </c>
    </row>
    <row r="94" spans="1:30" ht="72">
      <c r="A94" s="41"/>
      <c r="B94" s="42" t="s">
        <v>89</v>
      </c>
      <c r="C94" s="42" t="s">
        <v>181</v>
      </c>
      <c r="D94" s="91" t="s">
        <v>104</v>
      </c>
      <c r="E94" s="42" t="s">
        <v>182</v>
      </c>
      <c r="F94" s="91" t="s">
        <v>104</v>
      </c>
      <c r="G94" s="42" t="s">
        <v>183</v>
      </c>
      <c r="H94" s="91" t="s">
        <v>104</v>
      </c>
      <c r="I94" s="68" t="s">
        <v>89</v>
      </c>
      <c r="J94" s="68" t="s">
        <v>181</v>
      </c>
      <c r="K94" s="90" t="s">
        <v>104</v>
      </c>
      <c r="L94" s="68" t="s">
        <v>182</v>
      </c>
      <c r="M94" s="90" t="s">
        <v>104</v>
      </c>
      <c r="N94" s="68" t="s">
        <v>183</v>
      </c>
      <c r="O94" s="90" t="s">
        <v>104</v>
      </c>
    </row>
    <row r="95" spans="1:30">
      <c r="A95" s="45" t="s">
        <v>435</v>
      </c>
      <c r="B95" s="173">
        <v>8564</v>
      </c>
      <c r="C95" s="178">
        <v>0.64300000000000002</v>
      </c>
      <c r="D95" s="94">
        <v>1.0352563855930568E-2</v>
      </c>
      <c r="E95" s="178">
        <v>8.2000000000000003E-2</v>
      </c>
      <c r="F95" s="94">
        <v>5.9345599913928392E-3</v>
      </c>
      <c r="G95" s="178">
        <v>0.27500000000000002</v>
      </c>
      <c r="H95" s="94">
        <v>9.6488839108659491E-3</v>
      </c>
      <c r="I95" s="173">
        <v>8575</v>
      </c>
      <c r="J95" s="178">
        <v>0.623</v>
      </c>
      <c r="K95" s="94">
        <v>1.0465004033900629E-2</v>
      </c>
      <c r="L95" s="178">
        <v>9.9000000000000005E-2</v>
      </c>
      <c r="M95" s="94">
        <v>6.4544062888594756E-3</v>
      </c>
      <c r="N95" s="178">
        <v>0.27900000000000003</v>
      </c>
      <c r="O95" s="94">
        <v>9.6856895190340735E-3</v>
      </c>
    </row>
    <row r="96" spans="1:30">
      <c r="A96" s="49" t="s">
        <v>436</v>
      </c>
      <c r="B96" s="175">
        <v>7972</v>
      </c>
      <c r="C96" s="179">
        <v>0.62339999999999995</v>
      </c>
      <c r="D96" s="97">
        <v>1.0851133399942283E-2</v>
      </c>
      <c r="E96" s="179">
        <v>0.1008</v>
      </c>
      <c r="F96" s="97">
        <v>6.7480507263889171E-3</v>
      </c>
      <c r="G96" s="179">
        <v>0.27579999999999999</v>
      </c>
      <c r="H96" s="97">
        <v>1.0009643400605403E-2</v>
      </c>
      <c r="I96" s="175">
        <v>7963</v>
      </c>
      <c r="J96" s="179">
        <v>0.65549999999999997</v>
      </c>
      <c r="K96" s="97">
        <v>1.0648462088641538E-2</v>
      </c>
      <c r="L96" s="179">
        <v>7.5700000000000003E-2</v>
      </c>
      <c r="M96" s="97">
        <v>5.9346781356819272E-3</v>
      </c>
      <c r="N96" s="179">
        <v>0.26879999999999998</v>
      </c>
      <c r="O96" s="97">
        <v>9.9351536580892571E-3</v>
      </c>
    </row>
    <row r="97" spans="1:15">
      <c r="A97" s="53" t="s">
        <v>437</v>
      </c>
      <c r="B97" s="173">
        <v>772</v>
      </c>
      <c r="C97" s="178">
        <v>0.76060000000000005</v>
      </c>
      <c r="D97" s="94">
        <v>3.0695206228583287E-2</v>
      </c>
      <c r="E97" s="178">
        <v>7.4899999999999994E-2</v>
      </c>
      <c r="F97" s="94">
        <v>1.9150540122356226E-2</v>
      </c>
      <c r="G97" s="178">
        <v>0.16450000000000001</v>
      </c>
      <c r="H97" s="94">
        <v>2.6728606840815954E-2</v>
      </c>
      <c r="I97" s="173">
        <v>775</v>
      </c>
      <c r="J97" s="178">
        <v>0.64800000000000002</v>
      </c>
      <c r="K97" s="94">
        <v>3.4239987228942073E-2</v>
      </c>
      <c r="L97" s="178">
        <v>8.3000000000000004E-2</v>
      </c>
      <c r="M97" s="94">
        <v>1.9998996329259174E-2</v>
      </c>
      <c r="N97" s="178">
        <v>0.26900000000000002</v>
      </c>
      <c r="O97" s="94">
        <v>3.1819903020326883E-2</v>
      </c>
    </row>
    <row r="98" spans="1:15">
      <c r="A98" s="49" t="s">
        <v>438</v>
      </c>
      <c r="B98" s="175">
        <v>87</v>
      </c>
      <c r="C98" s="179">
        <v>0.56999999999999995</v>
      </c>
      <c r="D98" s="97">
        <v>0.10388524983352322</v>
      </c>
      <c r="E98" s="179">
        <v>6.4000000000000001E-2</v>
      </c>
      <c r="F98" s="97">
        <v>5.78928321615493E-2</v>
      </c>
      <c r="G98" s="179">
        <v>0.36599999999999999</v>
      </c>
      <c r="H98" s="97">
        <v>0.10132915704967156</v>
      </c>
      <c r="I98" s="175">
        <v>87</v>
      </c>
      <c r="J98" s="179">
        <v>0.51400000000000001</v>
      </c>
      <c r="K98" s="97">
        <v>0.10479091732955434</v>
      </c>
      <c r="L98" s="179">
        <v>0.1</v>
      </c>
      <c r="M98" s="97">
        <v>6.7533237289562981E-2</v>
      </c>
      <c r="N98" s="179">
        <v>0.38600000000000001</v>
      </c>
      <c r="O98" s="97">
        <v>0.10230774421691295</v>
      </c>
    </row>
    <row r="99" spans="1:15">
      <c r="A99" s="53" t="s">
        <v>439</v>
      </c>
      <c r="B99" s="173">
        <v>592</v>
      </c>
      <c r="C99" s="178">
        <v>0.755</v>
      </c>
      <c r="D99" s="94">
        <v>3.5316867642331252E-2</v>
      </c>
      <c r="E99" s="178">
        <v>0.05</v>
      </c>
      <c r="F99" s="94">
        <v>1.8356828474485918E-2</v>
      </c>
      <c r="G99" s="178">
        <v>0.19500000000000001</v>
      </c>
      <c r="H99" s="94">
        <v>3.2586433088323707E-2</v>
      </c>
      <c r="I99" s="173">
        <v>594</v>
      </c>
      <c r="J99" s="178">
        <v>0.71</v>
      </c>
      <c r="K99" s="94">
        <v>3.7164372609496232E-2</v>
      </c>
      <c r="L99" s="178">
        <v>0.111</v>
      </c>
      <c r="M99" s="94">
        <v>2.5952953417127663E-2</v>
      </c>
      <c r="N99" s="178">
        <v>0.17899999999999999</v>
      </c>
      <c r="O99" s="94">
        <v>3.1499096407105472E-2</v>
      </c>
    </row>
    <row r="100" spans="1:15">
      <c r="A100" s="49" t="s">
        <v>440</v>
      </c>
      <c r="B100" s="175">
        <v>267</v>
      </c>
      <c r="C100" s="179">
        <v>0.68</v>
      </c>
      <c r="D100" s="97">
        <v>5.6796314889703527E-2</v>
      </c>
      <c r="E100" s="179">
        <v>4.1000000000000002E-2</v>
      </c>
      <c r="F100" s="97">
        <v>2.5912844537208084E-2</v>
      </c>
      <c r="G100" s="179">
        <v>0.27900000000000003</v>
      </c>
      <c r="H100" s="97">
        <v>5.4683275928796272E-2</v>
      </c>
      <c r="I100" s="175">
        <v>269</v>
      </c>
      <c r="J100" s="179">
        <v>0.73</v>
      </c>
      <c r="K100" s="97">
        <v>5.3948670014135107E-2</v>
      </c>
      <c r="L100" s="179">
        <v>0.12</v>
      </c>
      <c r="M100" s="97">
        <v>4.0109831231720884E-2</v>
      </c>
      <c r="N100" s="179">
        <v>0.15</v>
      </c>
      <c r="O100" s="97">
        <v>4.3821724269780329E-2</v>
      </c>
    </row>
    <row r="101" spans="1:15">
      <c r="A101" s="53" t="s">
        <v>441</v>
      </c>
      <c r="B101" s="173">
        <v>69</v>
      </c>
      <c r="C101" s="178">
        <v>0.80800000000000005</v>
      </c>
      <c r="D101" s="94">
        <v>9.5155886917707225E-2</v>
      </c>
      <c r="E101" s="178">
        <v>0.114</v>
      </c>
      <c r="F101" s="94">
        <v>8.0029096521733956E-2</v>
      </c>
      <c r="G101" s="178">
        <v>7.9000000000000001E-2</v>
      </c>
      <c r="H101" s="94">
        <v>7.0865690389186803E-2</v>
      </c>
      <c r="I101" s="173">
        <v>68</v>
      </c>
      <c r="J101" s="178">
        <v>0.66</v>
      </c>
      <c r="K101" s="94">
        <v>0.1123401165357449</v>
      </c>
      <c r="L101" s="178">
        <v>0.19400000000000001</v>
      </c>
      <c r="M101" s="94">
        <v>9.617085490590864E-2</v>
      </c>
      <c r="N101" s="178">
        <v>0.14599999999999999</v>
      </c>
      <c r="O101" s="94">
        <v>8.7629657023883506E-2</v>
      </c>
    </row>
    <row r="102" spans="1:15">
      <c r="A102" s="49" t="s">
        <v>442</v>
      </c>
      <c r="B102" s="175">
        <v>134</v>
      </c>
      <c r="C102" s="179">
        <v>0.89400000000000002</v>
      </c>
      <c r="D102" s="97">
        <v>5.4807374248738217E-2</v>
      </c>
      <c r="E102" s="179">
        <v>3.2000000000000001E-2</v>
      </c>
      <c r="F102" s="97">
        <v>3.5504246880239156E-2</v>
      </c>
      <c r="G102" s="179">
        <v>7.3999999999999996E-2</v>
      </c>
      <c r="H102" s="97">
        <v>4.781967305333569E-2</v>
      </c>
      <c r="I102" s="175">
        <v>134</v>
      </c>
      <c r="J102" s="179">
        <v>0.71399999999999997</v>
      </c>
      <c r="K102" s="97">
        <v>7.7426049735604352E-2</v>
      </c>
      <c r="L102" s="179">
        <v>6.0999999999999999E-2</v>
      </c>
      <c r="M102" s="97">
        <v>4.4490453455701566E-2</v>
      </c>
      <c r="N102" s="179">
        <v>0.22600000000000001</v>
      </c>
      <c r="O102" s="97">
        <v>7.2073464143282875E-2</v>
      </c>
    </row>
    <row r="103" spans="1:15">
      <c r="A103" s="53" t="s">
        <v>443</v>
      </c>
      <c r="B103" s="173">
        <v>116</v>
      </c>
      <c r="C103" s="178">
        <v>0.75900000000000001</v>
      </c>
      <c r="D103" s="94">
        <v>7.9018253634254715E-2</v>
      </c>
      <c r="E103" s="178">
        <v>5.7000000000000002E-2</v>
      </c>
      <c r="F103" s="94">
        <v>4.7122610362833335E-2</v>
      </c>
      <c r="G103" s="178">
        <v>0.184</v>
      </c>
      <c r="H103" s="94">
        <v>7.2270352509530858E-2</v>
      </c>
      <c r="I103" s="173">
        <v>117</v>
      </c>
      <c r="J103" s="178">
        <v>0.68200000000000005</v>
      </c>
      <c r="K103" s="94">
        <v>8.5092039213282469E-2</v>
      </c>
      <c r="L103" s="178">
        <v>0.105</v>
      </c>
      <c r="M103" s="94">
        <v>5.8668474646667454E-2</v>
      </c>
      <c r="N103" s="178">
        <v>0.21199999999999999</v>
      </c>
      <c r="O103" s="94">
        <v>7.5503654957797206E-2</v>
      </c>
    </row>
    <row r="104" spans="1:15">
      <c r="A104" s="49" t="s">
        <v>444</v>
      </c>
      <c r="B104" s="175">
        <v>572</v>
      </c>
      <c r="C104" s="179">
        <v>0.66700000000000004</v>
      </c>
      <c r="D104" s="97">
        <v>3.9307989916755603E-2</v>
      </c>
      <c r="E104" s="179">
        <v>0.09</v>
      </c>
      <c r="F104" s="97">
        <v>2.4184851713739162E-2</v>
      </c>
      <c r="G104" s="179">
        <v>0.24199999999999999</v>
      </c>
      <c r="H104" s="97">
        <v>3.5780706502961626E-2</v>
      </c>
      <c r="I104" s="175">
        <v>572</v>
      </c>
      <c r="J104" s="179">
        <v>0.59599999999999997</v>
      </c>
      <c r="K104" s="97">
        <v>4.0902284943267496E-2</v>
      </c>
      <c r="L104" s="179">
        <v>0.13</v>
      </c>
      <c r="M104" s="97">
        <v>2.8259067724180711E-2</v>
      </c>
      <c r="N104" s="179">
        <v>0.27400000000000002</v>
      </c>
      <c r="O104" s="97">
        <v>3.7233397281822199E-2</v>
      </c>
    </row>
    <row r="105" spans="1:15">
      <c r="A105" s="45" t="s">
        <v>445</v>
      </c>
      <c r="B105" s="173">
        <v>510</v>
      </c>
      <c r="C105" s="178">
        <v>0.59099999999999997</v>
      </c>
      <c r="D105" s="94">
        <v>4.338295543416705E-2</v>
      </c>
      <c r="E105" s="178">
        <v>0.126</v>
      </c>
      <c r="F105" s="94">
        <v>2.9561330735874376E-2</v>
      </c>
      <c r="G105" s="178">
        <v>0.28199999999999997</v>
      </c>
      <c r="H105" s="94">
        <v>3.9767103610165666E-2</v>
      </c>
      <c r="I105" s="173">
        <v>511</v>
      </c>
      <c r="J105" s="178">
        <v>0.65100000000000002</v>
      </c>
      <c r="K105" s="94">
        <v>4.2040370315587508E-2</v>
      </c>
      <c r="L105" s="178">
        <v>8.6999999999999994E-2</v>
      </c>
      <c r="M105" s="94">
        <v>2.5247562722307035E-2</v>
      </c>
      <c r="N105" s="178">
        <v>0.26200000000000001</v>
      </c>
      <c r="O105" s="94">
        <v>3.8840724267326016E-2</v>
      </c>
    </row>
    <row r="106" spans="1:15" ht="25.5">
      <c r="A106" s="49" t="s">
        <v>450</v>
      </c>
      <c r="B106" s="175">
        <v>116</v>
      </c>
      <c r="C106" s="179">
        <v>0.75900000000000001</v>
      </c>
      <c r="D106" s="97">
        <v>7.9018253634254715E-2</v>
      </c>
      <c r="E106" s="179">
        <v>2.5999999999999999E-2</v>
      </c>
      <c r="F106" s="97">
        <v>3.6538910766469215E-2</v>
      </c>
      <c r="G106" s="179">
        <v>0.215</v>
      </c>
      <c r="H106" s="97">
        <v>7.6179557625389235E-2</v>
      </c>
      <c r="I106" s="175">
        <v>116</v>
      </c>
      <c r="J106" s="179">
        <v>0.63500000000000001</v>
      </c>
      <c r="K106" s="97">
        <v>8.8122972789921997E-2</v>
      </c>
      <c r="L106" s="179">
        <v>8.8999999999999996E-2</v>
      </c>
      <c r="M106" s="97">
        <v>5.5423433672048869E-2</v>
      </c>
      <c r="N106" s="179">
        <v>0.27600000000000002</v>
      </c>
      <c r="O106" s="97">
        <v>8.2282706882138068E-2</v>
      </c>
    </row>
    <row r="107" spans="1:15">
      <c r="A107" s="53" t="s">
        <v>447</v>
      </c>
      <c r="B107" s="173">
        <v>168</v>
      </c>
      <c r="C107" s="178">
        <v>0.625</v>
      </c>
      <c r="D107" s="94">
        <v>7.3941097498987488E-2</v>
      </c>
      <c r="E107" s="178">
        <v>0.113</v>
      </c>
      <c r="F107" s="94">
        <v>4.9910617782610751E-2</v>
      </c>
      <c r="G107" s="178">
        <v>0.26200000000000001</v>
      </c>
      <c r="H107" s="94">
        <v>6.7507100352370966E-2</v>
      </c>
      <c r="I107" s="173">
        <v>168</v>
      </c>
      <c r="J107" s="178">
        <v>0.52</v>
      </c>
      <c r="K107" s="94">
        <v>7.6191067705428897E-2</v>
      </c>
      <c r="L107" s="178">
        <v>0.13200000000000001</v>
      </c>
      <c r="M107" s="94">
        <v>5.300319186206507E-2</v>
      </c>
      <c r="N107" s="178">
        <v>0.34699999999999998</v>
      </c>
      <c r="O107" s="94">
        <v>7.2763895075294599E-2</v>
      </c>
    </row>
    <row r="108" spans="1:15">
      <c r="A108" s="49" t="s">
        <v>446</v>
      </c>
      <c r="B108" s="175">
        <v>107</v>
      </c>
      <c r="C108" s="179">
        <v>0.67100000000000004</v>
      </c>
      <c r="D108" s="97">
        <v>8.9609460411305256E-2</v>
      </c>
      <c r="E108" s="179">
        <v>7.2999999999999995E-2</v>
      </c>
      <c r="F108" s="97">
        <v>5.3885115408974803E-2</v>
      </c>
      <c r="G108" s="179">
        <v>0.25600000000000001</v>
      </c>
      <c r="H108" s="97">
        <v>8.3758031951070872E-2</v>
      </c>
      <c r="I108" s="175">
        <v>107</v>
      </c>
      <c r="J108" s="179">
        <v>0.54700000000000004</v>
      </c>
      <c r="K108" s="97">
        <v>9.4525336440283547E-2</v>
      </c>
      <c r="L108" s="179">
        <v>0.155</v>
      </c>
      <c r="M108" s="97">
        <v>7.0875811450223397E-2</v>
      </c>
      <c r="N108" s="179">
        <v>0.29799999999999999</v>
      </c>
      <c r="O108" s="97">
        <v>8.7422313708379037E-2</v>
      </c>
    </row>
    <row r="109" spans="1:15">
      <c r="A109" s="57" t="s">
        <v>451</v>
      </c>
      <c r="B109" s="173">
        <v>58</v>
      </c>
      <c r="C109" s="178">
        <v>0.70299999999999996</v>
      </c>
      <c r="D109" s="94">
        <v>0.11748349639164941</v>
      </c>
      <c r="E109" s="178">
        <v>0.13900000000000001</v>
      </c>
      <c r="F109" s="94">
        <v>9.3654193636127411E-2</v>
      </c>
      <c r="G109" s="178">
        <v>0.158</v>
      </c>
      <c r="H109" s="94">
        <v>9.7597357896631654E-2</v>
      </c>
      <c r="I109" s="173">
        <v>59</v>
      </c>
      <c r="J109" s="178">
        <v>0.75900000000000001</v>
      </c>
      <c r="K109" s="94">
        <v>0.11017066197470692</v>
      </c>
      <c r="L109" s="178">
        <v>0.19400000000000001</v>
      </c>
      <c r="M109" s="94">
        <v>0.10324168480342405</v>
      </c>
      <c r="N109" s="178">
        <v>4.7E-2</v>
      </c>
      <c r="O109" s="94">
        <v>6.6677160387805454E-2</v>
      </c>
    </row>
    <row r="110" spans="1:15">
      <c r="A110" s="49" t="s">
        <v>448</v>
      </c>
      <c r="B110" s="175">
        <v>98</v>
      </c>
      <c r="C110" s="179">
        <v>0.64800000000000002</v>
      </c>
      <c r="D110" s="97">
        <v>9.4926240773568649E-2</v>
      </c>
      <c r="E110" s="179">
        <v>8.1000000000000003E-2</v>
      </c>
      <c r="F110" s="97">
        <v>5.8724514770149949E-2</v>
      </c>
      <c r="G110" s="179">
        <v>0.27100000000000002</v>
      </c>
      <c r="H110" s="97">
        <v>8.8913126176358367E-2</v>
      </c>
      <c r="I110" s="175">
        <v>98</v>
      </c>
      <c r="J110" s="179">
        <v>0.58399999999999996</v>
      </c>
      <c r="K110" s="97">
        <v>9.7716388444982524E-2</v>
      </c>
      <c r="L110" s="179">
        <v>5.6000000000000001E-2</v>
      </c>
      <c r="M110" s="97">
        <v>5.1648312049806022E-2</v>
      </c>
      <c r="N110" s="179">
        <v>0.36</v>
      </c>
      <c r="O110" s="97">
        <v>9.5364545689002517E-2</v>
      </c>
    </row>
    <row r="111" spans="1:15">
      <c r="A111" s="57" t="s">
        <v>449</v>
      </c>
      <c r="B111" s="173">
        <v>124</v>
      </c>
      <c r="C111" s="178">
        <v>0.55400000000000005</v>
      </c>
      <c r="D111" s="94">
        <v>8.7903249787719379E-2</v>
      </c>
      <c r="E111" s="178">
        <v>0.124</v>
      </c>
      <c r="F111" s="94">
        <v>6.0550066448146853E-2</v>
      </c>
      <c r="G111" s="178">
        <v>0.32200000000000001</v>
      </c>
      <c r="H111" s="94">
        <v>8.2965600664098665E-2</v>
      </c>
      <c r="I111" s="173">
        <v>123</v>
      </c>
      <c r="J111" s="178">
        <v>0.49</v>
      </c>
      <c r="K111" s="94">
        <v>8.8719002573932185E-2</v>
      </c>
      <c r="L111" s="178">
        <v>0.214</v>
      </c>
      <c r="M111" s="94">
        <v>7.3874838213228503E-2</v>
      </c>
      <c r="N111" s="178">
        <v>0.29599999999999999</v>
      </c>
      <c r="O111" s="94">
        <v>8.1514057946142429E-2</v>
      </c>
    </row>
    <row r="119" spans="1:28" ht="18.75">
      <c r="A119" s="325" t="s">
        <v>266</v>
      </c>
      <c r="B119" s="325"/>
      <c r="C119" s="325"/>
      <c r="D119" s="325"/>
      <c r="E119" s="325"/>
      <c r="F119" s="325"/>
      <c r="G119" s="325"/>
      <c r="H119" s="325"/>
      <c r="I119" s="325"/>
      <c r="J119" s="325"/>
      <c r="K119" s="325"/>
      <c r="L119" s="325"/>
      <c r="M119" s="227"/>
      <c r="N119" s="227"/>
      <c r="O119" s="227"/>
      <c r="P119" s="227"/>
      <c r="Q119" s="227"/>
      <c r="R119" s="227"/>
      <c r="S119" s="227"/>
      <c r="T119" s="227"/>
      <c r="U119" s="227"/>
      <c r="V119" s="227"/>
      <c r="W119" s="227"/>
      <c r="X119" s="227"/>
      <c r="Y119" s="227"/>
      <c r="Z119" s="227"/>
      <c r="AA119" s="227"/>
      <c r="AB119" s="257"/>
    </row>
    <row r="120" spans="1:28" ht="38.25" customHeight="1">
      <c r="A120" s="382" t="s">
        <v>486</v>
      </c>
      <c r="B120" s="382"/>
      <c r="C120" s="382"/>
      <c r="D120" s="382"/>
      <c r="E120" s="382"/>
      <c r="F120" s="382"/>
      <c r="G120" s="382"/>
      <c r="H120" s="382"/>
      <c r="I120" s="382"/>
      <c r="J120" s="382"/>
      <c r="K120" s="382"/>
      <c r="L120" s="382"/>
      <c r="M120" s="253"/>
      <c r="N120" s="253"/>
      <c r="O120" s="253"/>
      <c r="P120" s="253"/>
      <c r="Q120" s="253"/>
      <c r="R120" s="253"/>
      <c r="S120" s="253"/>
      <c r="T120" s="253"/>
      <c r="U120" s="253"/>
      <c r="V120" s="253"/>
      <c r="W120" s="253"/>
      <c r="X120" s="253"/>
      <c r="Y120" s="253"/>
      <c r="Z120" s="253"/>
      <c r="AA120" s="253"/>
      <c r="AB120" s="257"/>
    </row>
    <row r="121" spans="1:28" ht="38.25" customHeight="1">
      <c r="A121" s="380" t="s">
        <v>267</v>
      </c>
      <c r="B121" s="381"/>
      <c r="C121" s="381"/>
      <c r="D121" s="381"/>
      <c r="E121" s="381"/>
      <c r="F121" s="381"/>
      <c r="G121" s="381"/>
      <c r="H121" s="381"/>
      <c r="I121" s="381"/>
      <c r="J121" s="381"/>
      <c r="K121" s="381"/>
      <c r="L121" s="381"/>
      <c r="M121" s="248"/>
      <c r="N121" s="257"/>
      <c r="O121" s="257"/>
      <c r="P121" s="257"/>
      <c r="Q121" s="257"/>
      <c r="R121" s="257"/>
      <c r="S121" s="257"/>
      <c r="T121" s="257"/>
      <c r="U121" s="257"/>
      <c r="V121" s="257"/>
      <c r="W121" s="257"/>
      <c r="X121" s="257"/>
      <c r="Y121" s="257"/>
      <c r="Z121" s="257"/>
      <c r="AA121" s="257"/>
      <c r="AB121" s="257"/>
    </row>
    <row r="122" spans="1:28" ht="72">
      <c r="A122" s="37" t="s">
        <v>85</v>
      </c>
      <c r="B122" s="38" t="s">
        <v>86</v>
      </c>
      <c r="C122" s="39" t="s">
        <v>87</v>
      </c>
      <c r="D122" s="40" t="s">
        <v>88</v>
      </c>
      <c r="E122" s="38" t="s">
        <v>268</v>
      </c>
      <c r="F122" s="89" t="s">
        <v>323</v>
      </c>
      <c r="G122" s="38" t="s">
        <v>269</v>
      </c>
      <c r="H122" s="89" t="s">
        <v>324</v>
      </c>
      <c r="I122" s="38" t="s">
        <v>384</v>
      </c>
      <c r="J122" s="89" t="s">
        <v>325</v>
      </c>
      <c r="K122" s="38" t="s">
        <v>357</v>
      </c>
      <c r="L122" s="89" t="s">
        <v>356</v>
      </c>
      <c r="M122" s="248"/>
      <c r="N122" s="256"/>
      <c r="O122" s="248"/>
      <c r="P122" s="256"/>
      <c r="Q122" s="248"/>
    </row>
    <row r="123" spans="1:28" ht="72">
      <c r="A123" s="41"/>
      <c r="B123" s="42" t="s">
        <v>89</v>
      </c>
      <c r="C123" s="126" t="s">
        <v>360</v>
      </c>
      <c r="D123" s="44" t="s">
        <v>91</v>
      </c>
      <c r="E123" s="42" t="s">
        <v>181</v>
      </c>
      <c r="F123" s="91" t="s">
        <v>104</v>
      </c>
      <c r="G123" s="42" t="s">
        <v>182</v>
      </c>
      <c r="H123" s="91" t="s">
        <v>104</v>
      </c>
      <c r="I123" s="42" t="s">
        <v>183</v>
      </c>
      <c r="J123" s="91" t="s">
        <v>104</v>
      </c>
      <c r="K123" s="42" t="s">
        <v>357</v>
      </c>
      <c r="L123" s="91" t="s">
        <v>104</v>
      </c>
    </row>
    <row r="124" spans="1:28">
      <c r="A124" s="45" t="s">
        <v>435</v>
      </c>
      <c r="B124" s="173">
        <v>10998</v>
      </c>
      <c r="C124" s="174">
        <v>5.18</v>
      </c>
      <c r="D124" s="85">
        <v>1.9599999999999999E-2</v>
      </c>
      <c r="E124" s="178">
        <v>0.122</v>
      </c>
      <c r="F124" s="94">
        <v>6.2435533845204179E-3</v>
      </c>
      <c r="G124" s="178">
        <v>0.159</v>
      </c>
      <c r="H124" s="94">
        <v>6.9747391938981785E-3</v>
      </c>
      <c r="I124" s="178">
        <v>0.69599999999999995</v>
      </c>
      <c r="J124" s="94">
        <v>8.7713057149752891E-3</v>
      </c>
      <c r="K124" s="93">
        <v>2.1999999999999999E-2</v>
      </c>
      <c r="L124" s="94">
        <v>2.8076627800380362E-3</v>
      </c>
    </row>
    <row r="125" spans="1:28">
      <c r="A125" s="49" t="s">
        <v>436</v>
      </c>
      <c r="B125" s="175">
        <v>8704</v>
      </c>
      <c r="C125" s="176">
        <v>5.18</v>
      </c>
      <c r="D125" s="177">
        <v>3.0241232E-2</v>
      </c>
      <c r="E125" s="179">
        <v>0.13600000000000001</v>
      </c>
      <c r="F125" s="97">
        <v>7.350584723771033E-3</v>
      </c>
      <c r="G125" s="179">
        <v>0.14299999999999999</v>
      </c>
      <c r="H125" s="97">
        <v>7.5064834914501275E-3</v>
      </c>
      <c r="I125" s="179">
        <v>0.70899999999999996</v>
      </c>
      <c r="J125" s="97">
        <v>9.7360460509007974E-3</v>
      </c>
      <c r="K125" s="96">
        <v>1.2E-2</v>
      </c>
      <c r="L125" s="97">
        <v>2.3551009506040999E-3</v>
      </c>
    </row>
    <row r="126" spans="1:28">
      <c r="A126" s="53" t="s">
        <v>437</v>
      </c>
      <c r="B126" s="173">
        <v>1985</v>
      </c>
      <c r="C126" s="174">
        <v>5.1100000000000003</v>
      </c>
      <c r="D126" s="85">
        <v>5.8799999999999998E-2</v>
      </c>
      <c r="E126" s="178">
        <v>0.11020000000000001</v>
      </c>
      <c r="F126" s="94">
        <v>1.4086316035216383E-2</v>
      </c>
      <c r="G126" s="178">
        <v>0.18759999999999999</v>
      </c>
      <c r="H126" s="94">
        <v>1.7529598858582702E-2</v>
      </c>
      <c r="I126" s="178">
        <v>0.66069999999999995</v>
      </c>
      <c r="J126" s="94">
        <v>2.1237685032857008E-2</v>
      </c>
      <c r="K126" s="93">
        <v>4.1500000000000002E-2</v>
      </c>
      <c r="L126" s="94">
        <v>9.0384841972558465E-3</v>
      </c>
    </row>
    <row r="127" spans="1:28">
      <c r="A127" s="49" t="s">
        <v>438</v>
      </c>
      <c r="B127" s="175">
        <v>99</v>
      </c>
      <c r="C127" s="176">
        <v>5.7</v>
      </c>
      <c r="D127" s="177">
        <v>0.31359999999999999</v>
      </c>
      <c r="E127" s="179">
        <v>8.8999999999999996E-2</v>
      </c>
      <c r="F127" s="97">
        <v>6.0401349846742537E-2</v>
      </c>
      <c r="G127" s="179">
        <v>9.4E-2</v>
      </c>
      <c r="H127" s="97">
        <v>6.1602609367776291E-2</v>
      </c>
      <c r="I127" s="179">
        <v>0.81699999999999995</v>
      </c>
      <c r="J127" s="97">
        <v>7.8124724289386438E-2</v>
      </c>
      <c r="K127" s="96">
        <v>0</v>
      </c>
      <c r="L127" s="97">
        <v>2.7192544212657866E-2</v>
      </c>
    </row>
    <row r="128" spans="1:28">
      <c r="A128" s="53" t="s">
        <v>439</v>
      </c>
      <c r="B128" s="173">
        <v>678</v>
      </c>
      <c r="C128" s="174">
        <v>5.03</v>
      </c>
      <c r="D128" s="85">
        <v>0.1176</v>
      </c>
      <c r="E128" s="178">
        <v>0.128</v>
      </c>
      <c r="F128" s="94">
        <v>2.5770759350808199E-2</v>
      </c>
      <c r="G128" s="178">
        <v>0.19400000000000001</v>
      </c>
      <c r="H128" s="94">
        <v>3.0389374250073948E-2</v>
      </c>
      <c r="I128" s="178">
        <v>0.64</v>
      </c>
      <c r="J128" s="94">
        <v>3.6778582779768511E-2</v>
      </c>
      <c r="K128" s="93">
        <v>3.9E-2</v>
      </c>
      <c r="L128" s="94">
        <v>1.5310013275002378E-2</v>
      </c>
    </row>
    <row r="129" spans="1:12">
      <c r="A129" s="49" t="s">
        <v>440</v>
      </c>
      <c r="B129" s="175">
        <v>289</v>
      </c>
      <c r="C129" s="176">
        <v>5.12</v>
      </c>
      <c r="D129" s="177">
        <v>0.15679999999999999</v>
      </c>
      <c r="E129" s="179">
        <v>0.13</v>
      </c>
      <c r="F129" s="97">
        <v>3.9933796646162749E-2</v>
      </c>
      <c r="G129" s="179">
        <v>0.14299999999999999</v>
      </c>
      <c r="H129" s="97">
        <v>4.1475694272909612E-2</v>
      </c>
      <c r="I129" s="179">
        <v>0.68300000000000005</v>
      </c>
      <c r="J129" s="97">
        <v>5.4480999469130417E-2</v>
      </c>
      <c r="K129" s="96">
        <v>4.3999999999999997E-2</v>
      </c>
      <c r="L129" s="97">
        <v>2.5519230421376257E-2</v>
      </c>
    </row>
    <row r="130" spans="1:12">
      <c r="A130" s="53" t="s">
        <v>441</v>
      </c>
      <c r="B130" s="173">
        <v>82</v>
      </c>
      <c r="C130" s="174">
        <v>4.93</v>
      </c>
      <c r="D130" s="85">
        <v>0.3332</v>
      </c>
      <c r="E130" s="178">
        <v>0.16700000000000001</v>
      </c>
      <c r="F130" s="94">
        <v>8.3300064531051127E-2</v>
      </c>
      <c r="G130" s="178">
        <v>0.224</v>
      </c>
      <c r="H130" s="94">
        <v>9.1688386724289597E-2</v>
      </c>
      <c r="I130" s="178">
        <v>0.60899999999999999</v>
      </c>
      <c r="J130" s="94">
        <v>0.10547754236018536</v>
      </c>
      <c r="K130" s="93">
        <v>0</v>
      </c>
      <c r="L130" s="94">
        <v>3.2504011252172456E-2</v>
      </c>
    </row>
    <row r="131" spans="1:12">
      <c r="A131" s="49" t="s">
        <v>442</v>
      </c>
      <c r="B131" s="175">
        <v>156</v>
      </c>
      <c r="C131" s="176">
        <v>4.9800000000000004</v>
      </c>
      <c r="D131" s="177">
        <v>0.23519999999999999</v>
      </c>
      <c r="E131" s="179">
        <v>0.10299999999999999</v>
      </c>
      <c r="F131" s="97">
        <v>5.0043217416299281E-2</v>
      </c>
      <c r="G131" s="179">
        <v>0.26600000000000001</v>
      </c>
      <c r="H131" s="97">
        <v>7.0346922018664049E-2</v>
      </c>
      <c r="I131" s="179">
        <v>0.58599999999999997</v>
      </c>
      <c r="J131" s="97">
        <v>7.7937343023097724E-2</v>
      </c>
      <c r="K131" s="96">
        <v>4.4999999999999998E-2</v>
      </c>
      <c r="L131" s="97">
        <v>3.6468088575835722E-2</v>
      </c>
    </row>
    <row r="132" spans="1:12">
      <c r="A132" s="53" t="s">
        <v>443</v>
      </c>
      <c r="B132" s="173">
        <v>145</v>
      </c>
      <c r="C132" s="174">
        <v>4.97</v>
      </c>
      <c r="D132" s="85">
        <v>0.25480000000000003</v>
      </c>
      <c r="E132" s="178">
        <v>0.13200000000000001</v>
      </c>
      <c r="F132" s="94">
        <v>5.7170295183098511E-2</v>
      </c>
      <c r="G132" s="178">
        <v>0.20499999999999999</v>
      </c>
      <c r="H132" s="94">
        <v>6.7073988061844322E-2</v>
      </c>
      <c r="I132" s="178">
        <v>0.625</v>
      </c>
      <c r="J132" s="94">
        <v>7.9461723582135227E-2</v>
      </c>
      <c r="K132" s="93">
        <v>3.9E-2</v>
      </c>
      <c r="L132" s="94">
        <v>3.6171241534064112E-2</v>
      </c>
    </row>
    <row r="133" spans="1:12">
      <c r="A133" s="49" t="s">
        <v>444</v>
      </c>
      <c r="B133" s="175">
        <v>762</v>
      </c>
      <c r="C133" s="176">
        <v>5.24</v>
      </c>
      <c r="D133" s="177">
        <v>9.8000000000000004E-2</v>
      </c>
      <c r="E133" s="179">
        <v>0.11</v>
      </c>
      <c r="F133" s="97">
        <v>2.2792555721987046E-2</v>
      </c>
      <c r="G133" s="179">
        <v>0.16</v>
      </c>
      <c r="H133" s="97">
        <v>2.6610443625798962E-2</v>
      </c>
      <c r="I133" s="179">
        <v>0.70799999999999996</v>
      </c>
      <c r="J133" s="97">
        <v>3.2892471667525888E-2</v>
      </c>
      <c r="K133" s="96">
        <v>2.3E-2</v>
      </c>
      <c r="L133" s="97">
        <v>1.1389399494695323E-2</v>
      </c>
    </row>
    <row r="134" spans="1:12">
      <c r="A134" s="45" t="s">
        <v>445</v>
      </c>
      <c r="B134" s="173">
        <v>552</v>
      </c>
      <c r="C134" s="174">
        <v>5.28</v>
      </c>
      <c r="D134" s="85">
        <v>0.1176</v>
      </c>
      <c r="E134" s="178">
        <v>0.129</v>
      </c>
      <c r="F134" s="94">
        <v>2.8679865613871886E-2</v>
      </c>
      <c r="G134" s="178">
        <v>0.107</v>
      </c>
      <c r="H134" s="94">
        <v>2.6520698300333403E-2</v>
      </c>
      <c r="I134" s="178">
        <v>0.75900000000000001</v>
      </c>
      <c r="J134" s="94">
        <v>3.6371457138930696E-2</v>
      </c>
      <c r="K134" s="93">
        <v>5.0000000000000001E-3</v>
      </c>
      <c r="L134" s="94">
        <v>7.8143281844088603E-3</v>
      </c>
    </row>
    <row r="135" spans="1:12" ht="25.5">
      <c r="A135" s="49" t="s">
        <v>450</v>
      </c>
      <c r="B135" s="175">
        <v>139</v>
      </c>
      <c r="C135" s="176">
        <v>5</v>
      </c>
      <c r="D135" s="177">
        <v>0.25480000000000003</v>
      </c>
      <c r="E135" s="179">
        <v>0.21</v>
      </c>
      <c r="F135" s="97">
        <v>6.9067534068258718E-2</v>
      </c>
      <c r="G135" s="179">
        <v>0.13800000000000001</v>
      </c>
      <c r="H135" s="97">
        <v>5.9410766263203289E-2</v>
      </c>
      <c r="I135" s="179">
        <v>0.65200000000000002</v>
      </c>
      <c r="J135" s="97">
        <v>7.9889863716398724E-2</v>
      </c>
      <c r="K135" s="96">
        <v>0</v>
      </c>
      <c r="L135" s="97">
        <v>1.964040746931579E-2</v>
      </c>
    </row>
    <row r="136" spans="1:12">
      <c r="A136" s="53" t="s">
        <v>447</v>
      </c>
      <c r="B136" s="173">
        <v>184</v>
      </c>
      <c r="C136" s="174">
        <v>5.69</v>
      </c>
      <c r="D136" s="85">
        <v>0.19600000000000001</v>
      </c>
      <c r="E136" s="178">
        <v>5.0999999999999997E-2</v>
      </c>
      <c r="F136" s="94">
        <v>3.4790100844989819E-2</v>
      </c>
      <c r="G136" s="178">
        <v>8.5000000000000006E-2</v>
      </c>
      <c r="H136" s="94">
        <v>4.2533030534141709E-2</v>
      </c>
      <c r="I136" s="178">
        <v>0.84099999999999997</v>
      </c>
      <c r="J136" s="94">
        <v>5.4306946384500114E-2</v>
      </c>
      <c r="K136" s="93">
        <v>2.4E-2</v>
      </c>
      <c r="L136" s="94">
        <v>2.6482817563363813E-2</v>
      </c>
    </row>
    <row r="137" spans="1:12">
      <c r="A137" s="49" t="s">
        <v>446</v>
      </c>
      <c r="B137" s="175">
        <v>118</v>
      </c>
      <c r="C137" s="176">
        <v>5.8</v>
      </c>
      <c r="D137" s="177">
        <v>0.19600000000000001</v>
      </c>
      <c r="E137" s="179">
        <v>0.02</v>
      </c>
      <c r="F137" s="97">
        <v>3.3613288436503116E-2</v>
      </c>
      <c r="G137" s="179">
        <v>7.3999999999999996E-2</v>
      </c>
      <c r="H137" s="97">
        <v>5.1287995122233816E-2</v>
      </c>
      <c r="I137" s="179">
        <v>0.88200000000000001</v>
      </c>
      <c r="J137" s="97">
        <v>6.0999307044296056E-2</v>
      </c>
      <c r="K137" s="96">
        <v>2.4E-2</v>
      </c>
      <c r="L137" s="97">
        <v>3.5314919519217038E-2</v>
      </c>
    </row>
    <row r="138" spans="1:12">
      <c r="A138" s="57" t="s">
        <v>451</v>
      </c>
      <c r="B138" s="173">
        <v>175</v>
      </c>
      <c r="C138" s="174">
        <v>5.24</v>
      </c>
      <c r="D138" s="85">
        <v>0.19600000000000001</v>
      </c>
      <c r="E138" s="178">
        <v>8.8999999999999996E-2</v>
      </c>
      <c r="F138" s="94">
        <v>4.4481918861584403E-2</v>
      </c>
      <c r="G138" s="178">
        <v>0.17499999999999999</v>
      </c>
      <c r="H138" s="94">
        <v>5.7711074907147109E-2</v>
      </c>
      <c r="I138" s="178">
        <v>0.68100000000000005</v>
      </c>
      <c r="J138" s="94">
        <v>6.9906053355045183E-2</v>
      </c>
      <c r="K138" s="93">
        <v>5.5E-2</v>
      </c>
      <c r="L138" s="94">
        <v>3.6837676100598307E-2</v>
      </c>
    </row>
    <row r="139" spans="1:12">
      <c r="A139" s="49" t="s">
        <v>448</v>
      </c>
      <c r="B139" s="175">
        <v>115</v>
      </c>
      <c r="C139" s="176">
        <v>5.46</v>
      </c>
      <c r="D139" s="177">
        <v>0.23519999999999999</v>
      </c>
      <c r="E139" s="179">
        <v>0.06</v>
      </c>
      <c r="F139" s="97">
        <v>4.8227884969271911E-2</v>
      </c>
      <c r="G139" s="179">
        <v>0.17599999999999999</v>
      </c>
      <c r="H139" s="97">
        <v>7.1470179833397943E-2</v>
      </c>
      <c r="I139" s="179">
        <v>0.76400000000000001</v>
      </c>
      <c r="J139" s="97">
        <v>7.8838351456658184E-2</v>
      </c>
      <c r="K139" s="96">
        <v>0</v>
      </c>
      <c r="L139" s="97">
        <v>2.3567715249216942E-2</v>
      </c>
    </row>
    <row r="140" spans="1:12">
      <c r="A140" s="57" t="s">
        <v>449</v>
      </c>
      <c r="B140" s="173">
        <v>140</v>
      </c>
      <c r="C140" s="174">
        <v>4.9400000000000004</v>
      </c>
      <c r="D140" s="85">
        <v>0.25480000000000003</v>
      </c>
      <c r="E140" s="178">
        <v>0.13600000000000001</v>
      </c>
      <c r="F140" s="94">
        <v>5.8869595604981881E-2</v>
      </c>
      <c r="G140" s="178">
        <v>0.155</v>
      </c>
      <c r="H140" s="94">
        <v>6.1800678646539466E-2</v>
      </c>
      <c r="I140" s="178">
        <v>0.69899999999999995</v>
      </c>
      <c r="J140" s="94">
        <v>7.6841919120504046E-2</v>
      </c>
      <c r="K140" s="93">
        <v>0.01</v>
      </c>
      <c r="L140" s="94">
        <v>2.5305701236858921E-2</v>
      </c>
    </row>
    <row r="141" spans="1:12">
      <c r="A141" s="242"/>
      <c r="B141" s="242"/>
      <c r="C141" s="242"/>
      <c r="D141" s="242"/>
      <c r="E141" s="242"/>
      <c r="F141" s="242"/>
      <c r="G141" s="242"/>
      <c r="H141" s="242"/>
      <c r="I141" s="242"/>
      <c r="J141" s="242"/>
      <c r="K141" s="242"/>
      <c r="L141" s="242"/>
    </row>
    <row r="142" spans="1:12">
      <c r="A142" s="242"/>
      <c r="B142" s="242"/>
      <c r="C142" s="242"/>
      <c r="D142" s="242"/>
      <c r="E142" s="242"/>
      <c r="F142" s="242"/>
      <c r="G142" s="242"/>
      <c r="H142" s="242"/>
      <c r="I142" s="242"/>
      <c r="J142" s="242"/>
      <c r="K142" s="242"/>
      <c r="L142" s="242"/>
    </row>
    <row r="143" spans="1:12">
      <c r="A143" s="242"/>
      <c r="B143" s="242"/>
      <c r="C143" s="242"/>
      <c r="D143" s="242"/>
      <c r="E143" s="242"/>
      <c r="F143" s="242"/>
      <c r="G143" s="242"/>
      <c r="H143" s="242"/>
      <c r="I143" s="242"/>
      <c r="J143" s="242"/>
      <c r="K143" s="242"/>
      <c r="L143" s="242"/>
    </row>
    <row r="144" spans="1:12">
      <c r="A144" s="242"/>
      <c r="B144" s="242"/>
      <c r="C144" s="242"/>
      <c r="D144" s="242"/>
      <c r="E144" s="242"/>
      <c r="F144" s="242"/>
      <c r="G144" s="242"/>
      <c r="H144" s="242"/>
      <c r="I144" s="242"/>
      <c r="J144" s="242"/>
      <c r="K144" s="242"/>
      <c r="L144" s="242"/>
    </row>
    <row r="145" spans="1:15">
      <c r="A145" s="242"/>
      <c r="B145" s="242"/>
      <c r="C145" s="242"/>
      <c r="D145" s="242"/>
      <c r="E145" s="242"/>
      <c r="F145" s="242"/>
      <c r="G145" s="242"/>
      <c r="H145" s="242"/>
      <c r="I145" s="242"/>
      <c r="J145" s="242"/>
      <c r="K145" s="242"/>
      <c r="L145" s="242"/>
    </row>
    <row r="146" spans="1:15">
      <c r="A146" s="242"/>
      <c r="B146" s="242"/>
      <c r="C146" s="242"/>
      <c r="D146" s="242"/>
      <c r="E146" s="242"/>
      <c r="F146" s="242"/>
      <c r="G146" s="242"/>
      <c r="H146" s="242"/>
      <c r="I146" s="242"/>
      <c r="J146" s="242"/>
      <c r="K146" s="242"/>
      <c r="L146" s="242"/>
    </row>
    <row r="147" spans="1:15" s="249" customFormat="1">
      <c r="A147" s="242"/>
      <c r="B147" s="255"/>
      <c r="C147" s="256"/>
      <c r="D147" s="248"/>
      <c r="E147" s="256"/>
      <c r="F147" s="248"/>
      <c r="G147" s="256"/>
      <c r="H147" s="248"/>
      <c r="I147"/>
      <c r="J147"/>
      <c r="K147"/>
      <c r="L147"/>
      <c r="M147"/>
      <c r="N147"/>
      <c r="O147"/>
    </row>
    <row r="148" spans="1:15" ht="18.75">
      <c r="A148" s="325" t="s">
        <v>30</v>
      </c>
      <c r="B148" s="325"/>
      <c r="C148" s="325"/>
      <c r="D148" s="325"/>
      <c r="E148" s="325"/>
      <c r="F148" s="325"/>
      <c r="G148" s="325"/>
      <c r="H148" s="325"/>
      <c r="I148" s="325"/>
      <c r="J148" s="325"/>
    </row>
    <row r="149" spans="1:15" ht="66" customHeight="1">
      <c r="A149" s="382" t="s">
        <v>385</v>
      </c>
      <c r="B149" s="382"/>
      <c r="C149" s="382"/>
      <c r="D149" s="382"/>
      <c r="E149" s="382"/>
      <c r="F149" s="382"/>
      <c r="G149" s="382"/>
      <c r="H149" s="382"/>
      <c r="I149" s="382"/>
      <c r="J149" s="382"/>
    </row>
    <row r="150" spans="1:15" ht="36" customHeight="1">
      <c r="A150" s="323" t="s">
        <v>244</v>
      </c>
      <c r="B150" s="324"/>
      <c r="C150" s="324"/>
      <c r="D150" s="324"/>
      <c r="E150" s="324"/>
      <c r="F150" s="324"/>
      <c r="G150" s="324"/>
      <c r="H150" s="324"/>
      <c r="I150" s="324"/>
      <c r="J150" s="324"/>
    </row>
    <row r="151" spans="1:15" ht="37.5" customHeight="1">
      <c r="A151" s="108" t="s">
        <v>85</v>
      </c>
      <c r="B151" s="38" t="s">
        <v>86</v>
      </c>
      <c r="C151" s="39" t="s">
        <v>87</v>
      </c>
      <c r="D151" s="40" t="s">
        <v>88</v>
      </c>
      <c r="E151" s="38" t="s">
        <v>243</v>
      </c>
      <c r="F151" s="89" t="s">
        <v>157</v>
      </c>
      <c r="G151" s="38" t="s">
        <v>158</v>
      </c>
      <c r="H151" s="89" t="s">
        <v>159</v>
      </c>
      <c r="I151" s="38" t="s">
        <v>386</v>
      </c>
      <c r="J151" s="89" t="s">
        <v>387</v>
      </c>
    </row>
    <row r="152" spans="1:15" ht="72">
      <c r="A152" s="109"/>
      <c r="B152" s="42" t="s">
        <v>89</v>
      </c>
      <c r="C152" s="126" t="s">
        <v>362</v>
      </c>
      <c r="D152" s="44" t="s">
        <v>91</v>
      </c>
      <c r="E152" s="42" t="s">
        <v>206</v>
      </c>
      <c r="F152" s="91" t="s">
        <v>104</v>
      </c>
      <c r="G152" s="42" t="s">
        <v>207</v>
      </c>
      <c r="H152" s="91" t="s">
        <v>104</v>
      </c>
      <c r="I152" s="42" t="s">
        <v>208</v>
      </c>
      <c r="J152" s="91" t="s">
        <v>104</v>
      </c>
    </row>
    <row r="153" spans="1:15">
      <c r="A153" s="45" t="s">
        <v>435</v>
      </c>
      <c r="B153" s="180">
        <v>8594</v>
      </c>
      <c r="C153" s="174">
        <v>3.51</v>
      </c>
      <c r="D153" s="85">
        <v>3.9199999999999999E-2</v>
      </c>
      <c r="E153" s="181">
        <v>0.52400000000000002</v>
      </c>
      <c r="F153" s="94">
        <v>1.0772112034339211E-2</v>
      </c>
      <c r="G153" s="181">
        <v>8.8999999999999996E-2</v>
      </c>
      <c r="H153" s="94">
        <v>6.1476042724389751E-3</v>
      </c>
      <c r="I153" s="181">
        <v>0.38700000000000001</v>
      </c>
      <c r="J153" s="94">
        <v>1.0505769483237995E-2</v>
      </c>
    </row>
    <row r="154" spans="1:15">
      <c r="A154" s="49" t="s">
        <v>436</v>
      </c>
      <c r="B154" s="49">
        <v>7992</v>
      </c>
      <c r="C154" s="176">
        <v>3.5379999999999998</v>
      </c>
      <c r="D154" s="177">
        <v>4.8744808000000001E-2</v>
      </c>
      <c r="E154" s="183">
        <v>0.51670000000000005</v>
      </c>
      <c r="F154" s="97">
        <v>1.1176902793613721E-2</v>
      </c>
      <c r="G154" s="183">
        <v>9.0499999999999997E-2</v>
      </c>
      <c r="H154" s="97">
        <v>6.4233457614908005E-3</v>
      </c>
      <c r="I154" s="183">
        <v>0.39279999999999998</v>
      </c>
      <c r="J154" s="97">
        <v>1.0923345966325047E-2</v>
      </c>
    </row>
    <row r="155" spans="1:15">
      <c r="A155" s="53" t="s">
        <v>437</v>
      </c>
      <c r="B155" s="53">
        <v>774</v>
      </c>
      <c r="C155" s="174">
        <v>2.84</v>
      </c>
      <c r="D155" s="85">
        <v>0.15679999999999999</v>
      </c>
      <c r="E155" s="181">
        <v>0.66269999999999996</v>
      </c>
      <c r="F155" s="94">
        <v>3.392114010610444E-2</v>
      </c>
      <c r="G155" s="181">
        <v>9.1899999999999996E-2</v>
      </c>
      <c r="H155" s="94">
        <v>2.0924953285398413E-2</v>
      </c>
      <c r="I155" s="181">
        <v>0.24540000000000001</v>
      </c>
      <c r="J155" s="94">
        <v>3.0911073050025682E-2</v>
      </c>
    </row>
    <row r="156" spans="1:15">
      <c r="A156" s="49" t="s">
        <v>438</v>
      </c>
      <c r="B156" s="49">
        <v>87</v>
      </c>
      <c r="C156" s="176">
        <v>3.55</v>
      </c>
      <c r="D156" s="177">
        <v>0.43119999999999997</v>
      </c>
      <c r="E156" s="183">
        <v>0.58199999999999996</v>
      </c>
      <c r="F156" s="97">
        <v>0.10353194107366685</v>
      </c>
      <c r="G156" s="183">
        <v>9.0999999999999998E-2</v>
      </c>
      <c r="H156" s="97">
        <v>6.5331550933824381E-2</v>
      </c>
      <c r="I156" s="183">
        <v>0.32700000000000001</v>
      </c>
      <c r="J156" s="97">
        <v>9.8927055832442962E-2</v>
      </c>
    </row>
    <row r="157" spans="1:15">
      <c r="A157" s="53" t="s">
        <v>439</v>
      </c>
      <c r="B157" s="53">
        <v>594</v>
      </c>
      <c r="C157" s="174">
        <v>3.01</v>
      </c>
      <c r="D157" s="85">
        <v>0.1764</v>
      </c>
      <c r="E157" s="181">
        <v>0.621</v>
      </c>
      <c r="F157" s="94">
        <v>3.9693997688652859E-2</v>
      </c>
      <c r="G157" s="181">
        <v>0.121</v>
      </c>
      <c r="H157" s="94">
        <v>2.6911746252492832E-2</v>
      </c>
      <c r="I157" s="181">
        <v>0.25800000000000001</v>
      </c>
      <c r="J157" s="94">
        <v>3.5857096954443474E-2</v>
      </c>
    </row>
    <row r="158" spans="1:15">
      <c r="A158" s="49" t="s">
        <v>440</v>
      </c>
      <c r="B158" s="49">
        <v>269</v>
      </c>
      <c r="C158" s="176">
        <v>2.92</v>
      </c>
      <c r="D158" s="177">
        <v>0.25480000000000003</v>
      </c>
      <c r="E158" s="183">
        <v>0.61799999999999999</v>
      </c>
      <c r="F158" s="97">
        <v>5.8863602201630311E-2</v>
      </c>
      <c r="G158" s="183">
        <v>0.13600000000000001</v>
      </c>
      <c r="H158" s="97">
        <v>4.2168026396103127E-2</v>
      </c>
      <c r="I158" s="183">
        <v>0.246</v>
      </c>
      <c r="J158" s="97">
        <v>5.2394772040292081E-2</v>
      </c>
    </row>
    <row r="159" spans="1:15">
      <c r="A159" s="53" t="s">
        <v>441</v>
      </c>
      <c r="B159" s="53">
        <v>68</v>
      </c>
      <c r="C159" s="174">
        <v>3.11</v>
      </c>
      <c r="D159" s="85">
        <v>0.50960000000000005</v>
      </c>
      <c r="E159" s="181">
        <v>0.54500000000000004</v>
      </c>
      <c r="F159" s="94">
        <v>0.11742462121151026</v>
      </c>
      <c r="G159" s="181">
        <v>0.16900000000000001</v>
      </c>
      <c r="H159" s="94">
        <v>9.1976534812441446E-2</v>
      </c>
      <c r="I159" s="181">
        <v>0.28599999999999998</v>
      </c>
      <c r="J159" s="94">
        <v>0.10779381005868774</v>
      </c>
    </row>
    <row r="160" spans="1:15">
      <c r="A160" s="49" t="s">
        <v>442</v>
      </c>
      <c r="B160" s="49">
        <v>134</v>
      </c>
      <c r="C160" s="176">
        <v>3.2</v>
      </c>
      <c r="D160" s="177">
        <v>0.37240000000000001</v>
      </c>
      <c r="E160" s="183">
        <v>0.64900000000000002</v>
      </c>
      <c r="F160" s="97">
        <v>8.1483947402620729E-2</v>
      </c>
      <c r="G160" s="183">
        <v>7.8E-2</v>
      </c>
      <c r="H160" s="97">
        <v>4.8779328942660009E-2</v>
      </c>
      <c r="I160" s="183">
        <v>0.27300000000000002</v>
      </c>
      <c r="J160" s="97">
        <v>7.6407544930620602E-2</v>
      </c>
    </row>
    <row r="161" spans="1:10">
      <c r="A161" s="53" t="s">
        <v>443</v>
      </c>
      <c r="B161" s="53">
        <v>117</v>
      </c>
      <c r="C161" s="174">
        <v>2.97</v>
      </c>
      <c r="D161" s="85">
        <v>0.39200000000000002</v>
      </c>
      <c r="E161" s="181">
        <v>0.63300000000000001</v>
      </c>
      <c r="F161" s="94">
        <v>8.7850584976417623E-2</v>
      </c>
      <c r="G161" s="181">
        <v>0.108</v>
      </c>
      <c r="H161" s="94">
        <v>5.9287136000605339E-2</v>
      </c>
      <c r="I161" s="181">
        <v>0.25800000000000001</v>
      </c>
      <c r="J161" s="94">
        <v>8.0338951371286993E-2</v>
      </c>
    </row>
    <row r="162" spans="1:10">
      <c r="A162" s="49" t="s">
        <v>444</v>
      </c>
      <c r="B162" s="49">
        <v>573</v>
      </c>
      <c r="C162" s="176">
        <v>3.76</v>
      </c>
      <c r="D162" s="177">
        <v>0.1764</v>
      </c>
      <c r="E162" s="183">
        <v>0.45600000000000002</v>
      </c>
      <c r="F162" s="97">
        <v>4.1471273743463426E-2</v>
      </c>
      <c r="G162" s="183">
        <v>9.1999999999999998E-2</v>
      </c>
      <c r="H162" s="97">
        <v>2.4393651060749869E-2</v>
      </c>
      <c r="I162" s="183">
        <v>0.45200000000000001</v>
      </c>
      <c r="J162" s="97">
        <v>4.144092986035583E-2</v>
      </c>
    </row>
    <row r="163" spans="1:10">
      <c r="A163" s="45" t="s">
        <v>445</v>
      </c>
      <c r="B163" s="180">
        <v>511</v>
      </c>
      <c r="C163" s="174">
        <v>4.08</v>
      </c>
      <c r="D163" s="85">
        <v>0.19600000000000001</v>
      </c>
      <c r="E163" s="181">
        <v>0.39400000000000002</v>
      </c>
      <c r="F163" s="94">
        <v>4.3079322815290096E-2</v>
      </c>
      <c r="G163" s="181">
        <v>9.0999999999999998E-2</v>
      </c>
      <c r="H163" s="94">
        <v>2.5740670609184085E-2</v>
      </c>
      <c r="I163" s="181">
        <v>0.51500000000000001</v>
      </c>
      <c r="J163" s="94">
        <v>4.4045738060995911E-2</v>
      </c>
    </row>
    <row r="164" spans="1:10" ht="25.5">
      <c r="A164" s="49" t="s">
        <v>450</v>
      </c>
      <c r="B164" s="182">
        <v>116</v>
      </c>
      <c r="C164" s="176">
        <v>3.81</v>
      </c>
      <c r="D164" s="177">
        <v>0.39200000000000002</v>
      </c>
      <c r="E164" s="183">
        <v>0.48899999999999999</v>
      </c>
      <c r="F164" s="97">
        <v>9.1266447325440508E-2</v>
      </c>
      <c r="G164" s="183">
        <v>8.3000000000000004E-2</v>
      </c>
      <c r="H164" s="97">
        <v>5.4009378815165057E-2</v>
      </c>
      <c r="I164" s="183">
        <v>0.42799999999999999</v>
      </c>
      <c r="J164" s="97">
        <v>9.0398348067502507E-2</v>
      </c>
    </row>
    <row r="165" spans="1:10">
      <c r="A165" s="53" t="s">
        <v>447</v>
      </c>
      <c r="B165" s="54">
        <v>168</v>
      </c>
      <c r="C165" s="174">
        <v>3.75</v>
      </c>
      <c r="D165" s="85">
        <v>0.3332</v>
      </c>
      <c r="E165" s="181">
        <v>0.435</v>
      </c>
      <c r="F165" s="94">
        <v>7.5632100144725656E-2</v>
      </c>
      <c r="G165" s="181">
        <v>0.09</v>
      </c>
      <c r="H165" s="94">
        <v>4.5654845292566325E-2</v>
      </c>
      <c r="I165" s="181">
        <v>0.47399999999999998</v>
      </c>
      <c r="J165" s="94">
        <v>7.615087170742596E-2</v>
      </c>
    </row>
    <row r="166" spans="1:10">
      <c r="A166" s="49" t="s">
        <v>446</v>
      </c>
      <c r="B166" s="182">
        <v>107</v>
      </c>
      <c r="C166" s="176">
        <v>3.6</v>
      </c>
      <c r="D166" s="177">
        <v>0.41159999999999997</v>
      </c>
      <c r="E166" s="183">
        <v>0.45600000000000002</v>
      </c>
      <c r="F166" s="97">
        <v>9.4573679261223467E-2</v>
      </c>
      <c r="G166" s="183">
        <v>0.10100000000000001</v>
      </c>
      <c r="H166" s="97">
        <v>6.064702429697294E-2</v>
      </c>
      <c r="I166" s="183">
        <v>0.442</v>
      </c>
      <c r="J166" s="97">
        <v>9.4320534955933857E-2</v>
      </c>
    </row>
    <row r="167" spans="1:10">
      <c r="A167" s="57" t="s">
        <v>451</v>
      </c>
      <c r="B167" s="180">
        <v>59</v>
      </c>
      <c r="C167" s="174">
        <v>2.5</v>
      </c>
      <c r="D167" s="85">
        <v>0.49</v>
      </c>
      <c r="E167" s="181">
        <v>0.71299999999999997</v>
      </c>
      <c r="F167" s="94">
        <v>0.11552756818883454</v>
      </c>
      <c r="G167" s="181">
        <v>0.14499999999999999</v>
      </c>
      <c r="H167" s="94">
        <v>9.4102320978810314E-2</v>
      </c>
      <c r="I167" s="181">
        <v>0.14099999999999999</v>
      </c>
      <c r="J167" s="94">
        <v>9.3253466084215308E-2</v>
      </c>
    </row>
    <row r="168" spans="1:10">
      <c r="A168" s="49" t="s">
        <v>448</v>
      </c>
      <c r="B168" s="182">
        <v>97</v>
      </c>
      <c r="C168" s="176">
        <v>4.41</v>
      </c>
      <c r="D168" s="177">
        <v>0.47039999999999998</v>
      </c>
      <c r="E168" s="183">
        <v>0.35899999999999999</v>
      </c>
      <c r="F168" s="97">
        <v>9.5784938531211089E-2</v>
      </c>
      <c r="G168" s="183">
        <v>3.6999999999999998E-2</v>
      </c>
      <c r="H168" s="97">
        <v>4.5500295130442125E-2</v>
      </c>
      <c r="I168" s="183">
        <v>0.60399999999999998</v>
      </c>
      <c r="J168" s="97">
        <v>9.7498159060553605E-2</v>
      </c>
    </row>
    <row r="169" spans="1:10">
      <c r="A169" s="57" t="s">
        <v>449</v>
      </c>
      <c r="B169" s="180">
        <v>125</v>
      </c>
      <c r="C169" s="174">
        <v>4.38</v>
      </c>
      <c r="D169" s="85">
        <v>0.37240000000000001</v>
      </c>
      <c r="E169" s="181">
        <v>0.27300000000000002</v>
      </c>
      <c r="F169" s="94">
        <v>7.9067639135669429E-2</v>
      </c>
      <c r="G169" s="181">
        <v>0.123</v>
      </c>
      <c r="H169" s="94">
        <v>6.0115791954002309E-2</v>
      </c>
      <c r="I169" s="181">
        <v>0.60499999999999998</v>
      </c>
      <c r="J169" s="94">
        <v>8.6202955147412177E-2</v>
      </c>
    </row>
    <row r="177" spans="1:12" ht="18.75">
      <c r="A177" s="325" t="s">
        <v>13</v>
      </c>
      <c r="B177" s="325"/>
      <c r="C177" s="325"/>
      <c r="D177" s="325"/>
      <c r="E177" s="325"/>
      <c r="F177" s="325"/>
      <c r="G177" s="325"/>
      <c r="H177" s="325"/>
      <c r="I177" s="325"/>
      <c r="J177" s="325"/>
      <c r="K177" s="325"/>
      <c r="L177" s="325"/>
    </row>
    <row r="178" spans="1:12" ht="43.5" customHeight="1">
      <c r="A178" s="382" t="s">
        <v>388</v>
      </c>
      <c r="B178" s="382"/>
      <c r="C178" s="382"/>
      <c r="D178" s="382"/>
      <c r="E178" s="382"/>
      <c r="F178" s="382"/>
      <c r="G178" s="382"/>
      <c r="H178" s="382"/>
      <c r="I178" s="382"/>
      <c r="J178" s="382"/>
      <c r="K178" s="382"/>
      <c r="L178" s="382"/>
    </row>
    <row r="179" spans="1:12" ht="36" customHeight="1">
      <c r="A179" s="380" t="s">
        <v>160</v>
      </c>
      <c r="B179" s="381"/>
      <c r="C179" s="381"/>
      <c r="D179" s="381"/>
      <c r="E179" s="381"/>
      <c r="F179" s="381"/>
      <c r="G179" s="381"/>
      <c r="H179" s="381"/>
      <c r="I179" s="381"/>
      <c r="J179" s="381"/>
      <c r="K179" s="381"/>
      <c r="L179" s="381"/>
    </row>
    <row r="180" spans="1:12" ht="39.75" customHeight="1">
      <c r="A180" s="37" t="s">
        <v>85</v>
      </c>
      <c r="B180" s="38" t="s">
        <v>86</v>
      </c>
      <c r="C180" s="39" t="s">
        <v>87</v>
      </c>
      <c r="D180" s="40" t="s">
        <v>88</v>
      </c>
      <c r="E180" s="38" t="s">
        <v>178</v>
      </c>
      <c r="F180" s="89" t="s">
        <v>101</v>
      </c>
      <c r="G180" s="38" t="s">
        <v>179</v>
      </c>
      <c r="H180" s="89" t="s">
        <v>102</v>
      </c>
      <c r="I180" s="38" t="s">
        <v>180</v>
      </c>
      <c r="J180" s="89" t="s">
        <v>103</v>
      </c>
      <c r="K180" s="38" t="s">
        <v>357</v>
      </c>
      <c r="L180" s="89" t="s">
        <v>356</v>
      </c>
    </row>
    <row r="181" spans="1:12" ht="72">
      <c r="A181" s="41"/>
      <c r="B181" s="42" t="s">
        <v>89</v>
      </c>
      <c r="C181" s="126" t="s">
        <v>361</v>
      </c>
      <c r="D181" s="44" t="s">
        <v>91</v>
      </c>
      <c r="E181" s="42" t="s">
        <v>181</v>
      </c>
      <c r="F181" s="91" t="s">
        <v>161</v>
      </c>
      <c r="G181" s="42" t="s">
        <v>182</v>
      </c>
      <c r="H181" s="91" t="s">
        <v>104</v>
      </c>
      <c r="I181" s="42" t="s">
        <v>183</v>
      </c>
      <c r="J181" s="91" t="s">
        <v>104</v>
      </c>
      <c r="K181" s="42" t="s">
        <v>357</v>
      </c>
      <c r="L181" s="91" t="s">
        <v>104</v>
      </c>
    </row>
    <row r="182" spans="1:12">
      <c r="A182" s="45" t="s">
        <v>435</v>
      </c>
      <c r="B182" s="184">
        <v>9355</v>
      </c>
      <c r="C182" s="174">
        <v>5.53</v>
      </c>
      <c r="D182" s="85">
        <v>1.9599999999999999E-2</v>
      </c>
      <c r="E182" s="181">
        <v>0.10299999999999999</v>
      </c>
      <c r="F182" s="94">
        <v>6.2884910624138122E-3</v>
      </c>
      <c r="G182" s="181">
        <v>0.10299999999999999</v>
      </c>
      <c r="H182" s="94">
        <v>6.2884910624138122E-3</v>
      </c>
      <c r="I182" s="181">
        <v>0.78500000000000003</v>
      </c>
      <c r="J182" s="94">
        <v>8.4949068833350856E-3</v>
      </c>
      <c r="K182" s="181">
        <v>8.9999999999999993E-3</v>
      </c>
      <c r="L182" s="94">
        <v>1.9748423193708372E-3</v>
      </c>
    </row>
    <row r="183" spans="1:12">
      <c r="A183" s="49" t="s">
        <v>436</v>
      </c>
      <c r="B183" s="49">
        <v>8720</v>
      </c>
      <c r="C183" s="176">
        <v>5.49</v>
      </c>
      <c r="D183" s="177">
        <v>3.1657919999999999E-2</v>
      </c>
      <c r="E183" s="183">
        <v>0.113</v>
      </c>
      <c r="F183" s="97">
        <v>6.7837599134595167E-3</v>
      </c>
      <c r="G183" s="183">
        <v>9.9900000000000003E-2</v>
      </c>
      <c r="H183" s="97">
        <v>6.4262026441540025E-3</v>
      </c>
      <c r="I183" s="183">
        <v>0.77959999999999996</v>
      </c>
      <c r="J183" s="97">
        <v>8.8777811750262552E-3</v>
      </c>
      <c r="K183" s="183">
        <v>0.01</v>
      </c>
      <c r="L183" s="97">
        <v>2.1540961222383994E-3</v>
      </c>
    </row>
    <row r="184" spans="1:12">
      <c r="A184" s="53" t="s">
        <v>437</v>
      </c>
      <c r="B184" s="53">
        <v>834</v>
      </c>
      <c r="C184" s="174">
        <v>5.35</v>
      </c>
      <c r="D184" s="85">
        <v>9.8000000000000004E-2</v>
      </c>
      <c r="E184" s="181">
        <v>0.1147</v>
      </c>
      <c r="F184" s="94">
        <v>2.2168563334956089E-2</v>
      </c>
      <c r="G184" s="181">
        <v>0.1343</v>
      </c>
      <c r="H184" s="94">
        <v>2.3686212780974557E-2</v>
      </c>
      <c r="I184" s="181">
        <v>0.73809999999999998</v>
      </c>
      <c r="J184" s="94">
        <v>3.0418583929971529E-2</v>
      </c>
      <c r="K184" s="181">
        <v>1.29E-2</v>
      </c>
      <c r="L184" s="94">
        <v>8.4597198687637407E-3</v>
      </c>
    </row>
    <row r="185" spans="1:12">
      <c r="A185" s="49" t="s">
        <v>438</v>
      </c>
      <c r="B185" s="49">
        <v>91</v>
      </c>
      <c r="C185" s="176">
        <v>5.27</v>
      </c>
      <c r="D185" s="177">
        <v>0.3528</v>
      </c>
      <c r="E185" s="183">
        <v>0.16200000000000001</v>
      </c>
      <c r="F185" s="97">
        <v>7.8183053629983512E-2</v>
      </c>
      <c r="G185" s="183">
        <v>6.6000000000000003E-2</v>
      </c>
      <c r="H185" s="97">
        <v>5.7002910492677868E-2</v>
      </c>
      <c r="I185" s="183">
        <v>0.77300000000000002</v>
      </c>
      <c r="J185" s="97">
        <v>8.744682530802006E-2</v>
      </c>
      <c r="K185" s="183">
        <v>0</v>
      </c>
      <c r="L185" s="97">
        <v>2.9457850911392545E-2</v>
      </c>
    </row>
    <row r="186" spans="1:12">
      <c r="A186" s="53" t="s">
        <v>439</v>
      </c>
      <c r="B186" s="53">
        <v>632</v>
      </c>
      <c r="C186" s="174">
        <v>5.72</v>
      </c>
      <c r="D186" s="85">
        <v>9.8000000000000004E-2</v>
      </c>
      <c r="E186" s="181">
        <v>6.0999999999999999E-2</v>
      </c>
      <c r="F186" s="94">
        <v>1.9376368341420654E-2</v>
      </c>
      <c r="G186" s="181">
        <v>0.10100000000000001</v>
      </c>
      <c r="H186" s="94">
        <v>2.4158182988427826E-2</v>
      </c>
      <c r="I186" s="181">
        <v>0.83</v>
      </c>
      <c r="J186" s="94">
        <v>2.9933417069750067E-2</v>
      </c>
      <c r="K186" s="181">
        <v>8.0000000000000002E-3</v>
      </c>
      <c r="L186" s="94">
        <v>8.3067204931952035E-3</v>
      </c>
    </row>
    <row r="187" spans="1:12">
      <c r="A187" s="49" t="s">
        <v>440</v>
      </c>
      <c r="B187" s="49">
        <v>284</v>
      </c>
      <c r="C187" s="176">
        <v>6.05</v>
      </c>
      <c r="D187" s="177">
        <v>0.13720000000000002</v>
      </c>
      <c r="E187" s="183">
        <v>2.9000000000000001E-2</v>
      </c>
      <c r="F187" s="97">
        <v>2.1819479255046847E-2</v>
      </c>
      <c r="G187" s="183">
        <v>5.1999999999999998E-2</v>
      </c>
      <c r="H187" s="97">
        <v>2.7596395462523824E-2</v>
      </c>
      <c r="I187" s="183">
        <v>0.91</v>
      </c>
      <c r="J187" s="97">
        <v>3.4668473059289592E-2</v>
      </c>
      <c r="K187" s="183">
        <v>8.9999999999999993E-3</v>
      </c>
      <c r="L187" s="97">
        <v>1.4705058474851426E-2</v>
      </c>
    </row>
    <row r="188" spans="1:12">
      <c r="A188" s="53" t="s">
        <v>441</v>
      </c>
      <c r="B188" s="53">
        <v>75</v>
      </c>
      <c r="C188" s="174">
        <v>5.71</v>
      </c>
      <c r="D188" s="85">
        <v>0.31359999999999999</v>
      </c>
      <c r="E188" s="181">
        <v>0.104</v>
      </c>
      <c r="F188" s="94">
        <v>7.4174639422459734E-2</v>
      </c>
      <c r="G188" s="181">
        <v>4.8000000000000001E-2</v>
      </c>
      <c r="H188" s="94">
        <v>5.7747262606334372E-2</v>
      </c>
      <c r="I188" s="181">
        <v>0.84699999999999998</v>
      </c>
      <c r="J188" s="94">
        <v>8.463641521082714E-2</v>
      </c>
      <c r="K188" s="181">
        <v>1E-3</v>
      </c>
      <c r="L188" s="94">
        <v>3.5985882842607564E-2</v>
      </c>
    </row>
    <row r="189" spans="1:12">
      <c r="A189" s="49" t="s">
        <v>442</v>
      </c>
      <c r="B189" s="49">
        <v>142</v>
      </c>
      <c r="C189" s="176">
        <v>5.24</v>
      </c>
      <c r="D189" s="177">
        <v>0.23519999999999999</v>
      </c>
      <c r="E189" s="183">
        <v>7.9000000000000001E-2</v>
      </c>
      <c r="F189" s="97">
        <v>4.7495579252792457E-2</v>
      </c>
      <c r="G189" s="183">
        <v>0.20599999999999999</v>
      </c>
      <c r="H189" s="97">
        <v>6.789099632909025E-2</v>
      </c>
      <c r="I189" s="183">
        <v>0.71</v>
      </c>
      <c r="J189" s="97">
        <v>7.5540669706787661E-2</v>
      </c>
      <c r="K189" s="183">
        <v>5.0000000000000001E-3</v>
      </c>
      <c r="L189" s="97">
        <v>2.2340521089896585E-2</v>
      </c>
    </row>
    <row r="190" spans="1:12">
      <c r="A190" s="53" t="s">
        <v>443</v>
      </c>
      <c r="B190" s="53">
        <v>125</v>
      </c>
      <c r="C190" s="174">
        <v>5.5</v>
      </c>
      <c r="D190" s="85">
        <v>0.25480000000000003</v>
      </c>
      <c r="E190" s="181">
        <v>9.8000000000000004E-2</v>
      </c>
      <c r="F190" s="94">
        <v>5.5198745734688873E-2</v>
      </c>
      <c r="G190" s="181">
        <v>0.125</v>
      </c>
      <c r="H190" s="94">
        <v>6.0478895546880573E-2</v>
      </c>
      <c r="I190" s="181">
        <v>0.76700000000000002</v>
      </c>
      <c r="J190" s="94">
        <v>7.5341801045593487E-2</v>
      </c>
      <c r="K190" s="181">
        <v>0.01</v>
      </c>
      <c r="L190" s="94">
        <v>2.7595680467116315E-2</v>
      </c>
    </row>
    <row r="191" spans="1:12">
      <c r="A191" s="49" t="s">
        <v>444</v>
      </c>
      <c r="B191" s="49">
        <v>614</v>
      </c>
      <c r="C191" s="176">
        <v>5.48</v>
      </c>
      <c r="D191" s="177">
        <v>0.1176</v>
      </c>
      <c r="E191" s="183">
        <v>0.114</v>
      </c>
      <c r="F191" s="97">
        <v>2.581067601008279E-2</v>
      </c>
      <c r="G191" s="183">
        <v>9.7000000000000003E-2</v>
      </c>
      <c r="H191" s="97">
        <v>2.4093477350170069E-2</v>
      </c>
      <c r="I191" s="183">
        <v>0.78700000000000003</v>
      </c>
      <c r="J191" s="97">
        <v>3.3043446409966919E-2</v>
      </c>
      <c r="K191" s="183">
        <v>2E-3</v>
      </c>
      <c r="L191" s="97">
        <v>5.7992400449798113E-3</v>
      </c>
    </row>
    <row r="192" spans="1:12">
      <c r="A192" s="45" t="s">
        <v>445</v>
      </c>
      <c r="B192" s="184">
        <v>553</v>
      </c>
      <c r="C192" s="174">
        <v>5.53</v>
      </c>
      <c r="D192" s="85">
        <v>0.1176</v>
      </c>
      <c r="E192" s="181">
        <v>0.13800000000000001</v>
      </c>
      <c r="F192" s="94">
        <v>2.9457254659686533E-2</v>
      </c>
      <c r="G192" s="181">
        <v>6.0999999999999999E-2</v>
      </c>
      <c r="H192" s="94">
        <v>2.0764049640858154E-2</v>
      </c>
      <c r="I192" s="181">
        <v>0.79900000000000004</v>
      </c>
      <c r="J192" s="94">
        <v>3.4095485874499919E-2</v>
      </c>
      <c r="K192" s="181">
        <v>1E-3</v>
      </c>
      <c r="L192" s="94">
        <v>5.7240395953071007E-3</v>
      </c>
    </row>
    <row r="193" spans="1:12" ht="25.5">
      <c r="A193" s="49" t="s">
        <v>450</v>
      </c>
      <c r="B193" s="185">
        <v>129</v>
      </c>
      <c r="C193" s="176">
        <v>5.4</v>
      </c>
      <c r="D193" s="177">
        <v>0.27440000000000003</v>
      </c>
      <c r="E193" s="183">
        <v>0.113</v>
      </c>
      <c r="F193" s="97">
        <v>5.7282886750942286E-2</v>
      </c>
      <c r="G193" s="183">
        <v>7.0000000000000007E-2</v>
      </c>
      <c r="H193" s="97">
        <v>4.7826302050642831E-2</v>
      </c>
      <c r="I193" s="183">
        <v>0.81699999999999995</v>
      </c>
      <c r="J193" s="97">
        <v>6.8378547646337745E-2</v>
      </c>
      <c r="K193" s="183">
        <v>0</v>
      </c>
      <c r="L193" s="97">
        <v>2.1105866163924628E-2</v>
      </c>
    </row>
    <row r="194" spans="1:12">
      <c r="A194" s="53" t="s">
        <v>447</v>
      </c>
      <c r="B194" s="83">
        <v>177</v>
      </c>
      <c r="C194" s="174">
        <v>5.96</v>
      </c>
      <c r="D194" s="85">
        <v>0.19600000000000001</v>
      </c>
      <c r="E194" s="181">
        <v>4.7E-2</v>
      </c>
      <c r="F194" s="94">
        <v>3.4468590853540537E-2</v>
      </c>
      <c r="G194" s="181">
        <v>6.0999999999999999E-2</v>
      </c>
      <c r="H194" s="94">
        <v>3.8105098364286431E-2</v>
      </c>
      <c r="I194" s="181">
        <v>0.88500000000000001</v>
      </c>
      <c r="J194" s="94">
        <v>4.8911689563679514E-2</v>
      </c>
      <c r="K194" s="181">
        <v>7.0000000000000001E-3</v>
      </c>
      <c r="L194" s="94">
        <v>1.9707695785230586E-2</v>
      </c>
    </row>
    <row r="195" spans="1:12">
      <c r="A195" s="49" t="s">
        <v>446</v>
      </c>
      <c r="B195" s="185">
        <v>113</v>
      </c>
      <c r="C195" s="176">
        <v>6.01</v>
      </c>
      <c r="D195" s="177">
        <v>0.21559999999999999</v>
      </c>
      <c r="E195" s="183">
        <v>4.2000000000000003E-2</v>
      </c>
      <c r="F195" s="97">
        <v>4.3099432203454351E-2</v>
      </c>
      <c r="G195" s="183">
        <v>5.3999999999999999E-2</v>
      </c>
      <c r="H195" s="97">
        <v>4.6941533623455454E-2</v>
      </c>
      <c r="I195" s="183">
        <v>0.89400000000000002</v>
      </c>
      <c r="J195" s="97">
        <v>5.997064357270971E-2</v>
      </c>
      <c r="K195" s="183">
        <v>0.01</v>
      </c>
      <c r="L195" s="97">
        <v>2.9835136706034236E-2</v>
      </c>
    </row>
    <row r="196" spans="1:12">
      <c r="A196" s="57" t="s">
        <v>451</v>
      </c>
      <c r="B196" s="184">
        <v>58</v>
      </c>
      <c r="C196" s="174">
        <v>4.82</v>
      </c>
      <c r="D196" s="85">
        <v>0.37240000000000001</v>
      </c>
      <c r="E196" s="181">
        <v>9.7000000000000003E-2</v>
      </c>
      <c r="F196" s="94">
        <v>8.3423134410298388E-2</v>
      </c>
      <c r="G196" s="181">
        <v>0.218</v>
      </c>
      <c r="H196" s="94">
        <v>0.1078846923541471</v>
      </c>
      <c r="I196" s="181">
        <v>0.68500000000000005</v>
      </c>
      <c r="J196" s="94">
        <v>0.11914985773062152</v>
      </c>
      <c r="K196" s="181">
        <v>0</v>
      </c>
      <c r="L196" s="94">
        <v>4.4877957654209835E-2</v>
      </c>
    </row>
    <row r="197" spans="1:12">
      <c r="A197" s="49" t="s">
        <v>448</v>
      </c>
      <c r="B197" s="185">
        <v>105</v>
      </c>
      <c r="C197" s="176">
        <v>5.75</v>
      </c>
      <c r="D197" s="177">
        <v>0.27440000000000003</v>
      </c>
      <c r="E197" s="183">
        <v>0.127</v>
      </c>
      <c r="F197" s="97">
        <v>6.6607143292438747E-2</v>
      </c>
      <c r="G197" s="183">
        <v>7.0999999999999994E-2</v>
      </c>
      <c r="H197" s="97">
        <v>5.3917623380929036E-2</v>
      </c>
      <c r="I197" s="183">
        <v>0.80200000000000005</v>
      </c>
      <c r="J197" s="97">
        <v>7.7900677348226074E-2</v>
      </c>
      <c r="K197" s="183">
        <v>0</v>
      </c>
      <c r="L197" s="97">
        <v>2.5709707484377786E-2</v>
      </c>
    </row>
    <row r="198" spans="1:12">
      <c r="A198" s="57" t="s">
        <v>449</v>
      </c>
      <c r="B198" s="184">
        <v>137</v>
      </c>
      <c r="C198" s="174">
        <v>5.33</v>
      </c>
      <c r="D198" s="85">
        <v>0.27440000000000003</v>
      </c>
      <c r="E198" s="181">
        <v>0.215</v>
      </c>
      <c r="F198" s="94">
        <v>7.0120087811533213E-2</v>
      </c>
      <c r="G198" s="181">
        <v>4.9000000000000002E-2</v>
      </c>
      <c r="H198" s="94">
        <v>4.0554940402854983E-2</v>
      </c>
      <c r="I198" s="181">
        <v>0.73599999999999999</v>
      </c>
      <c r="J198" s="94">
        <v>7.4836793248818298E-2</v>
      </c>
      <c r="K198" s="181">
        <v>0</v>
      </c>
      <c r="L198" s="94">
        <v>1.991699088628197E-2</v>
      </c>
    </row>
  </sheetData>
  <mergeCells count="23">
    <mergeCell ref="A179:L179"/>
    <mergeCell ref="A178:L178"/>
    <mergeCell ref="A177:L177"/>
    <mergeCell ref="A90:O90"/>
    <mergeCell ref="A91:O91"/>
    <mergeCell ref="B92:H92"/>
    <mergeCell ref="I92:O92"/>
    <mergeCell ref="A121:L121"/>
    <mergeCell ref="A120:L120"/>
    <mergeCell ref="A119:L119"/>
    <mergeCell ref="A150:J150"/>
    <mergeCell ref="A149:J149"/>
    <mergeCell ref="A148:J148"/>
    <mergeCell ref="A3:D3"/>
    <mergeCell ref="A4:D4"/>
    <mergeCell ref="A5:D5"/>
    <mergeCell ref="A32:O32"/>
    <mergeCell ref="A33:O33"/>
    <mergeCell ref="B34:H34"/>
    <mergeCell ref="I34:O34"/>
    <mergeCell ref="A61:D61"/>
    <mergeCell ref="A62:D62"/>
    <mergeCell ref="A63:D63"/>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C285"/>
  <sheetViews>
    <sheetView zoomScaleNormal="100" workbookViewId="0">
      <selection activeCell="A265" sqref="A265:S265"/>
    </sheetView>
  </sheetViews>
  <sheetFormatPr defaultColWidth="17.5703125" defaultRowHeight="15"/>
  <cols>
    <col min="1" max="1" width="40.85546875" customWidth="1"/>
  </cols>
  <sheetData>
    <row r="1" spans="1:55" ht="31.5">
      <c r="A1" s="33" t="s">
        <v>48</v>
      </c>
    </row>
    <row r="3" spans="1:55" ht="18.75">
      <c r="A3" s="325" t="s">
        <v>272</v>
      </c>
      <c r="B3" s="325"/>
      <c r="C3" s="325"/>
      <c r="D3" s="325"/>
      <c r="E3" s="325"/>
      <c r="F3" s="325"/>
      <c r="G3" s="325"/>
      <c r="H3" s="325"/>
      <c r="I3" s="325"/>
      <c r="J3" s="325"/>
      <c r="K3" s="325"/>
      <c r="L3" s="325"/>
      <c r="M3" s="325"/>
      <c r="N3" s="325"/>
      <c r="O3" s="325"/>
      <c r="P3" s="325"/>
      <c r="Q3" s="325"/>
      <c r="R3" s="325"/>
      <c r="S3" s="325"/>
      <c r="T3" s="325"/>
      <c r="U3" s="325"/>
      <c r="V3" s="325"/>
      <c r="W3" s="325"/>
      <c r="X3" s="227"/>
      <c r="Y3" s="227"/>
      <c r="Z3" s="227"/>
      <c r="AA3" s="227"/>
      <c r="AB3" s="227"/>
      <c r="AC3" s="227"/>
      <c r="AD3" s="227"/>
      <c r="AE3" s="227"/>
      <c r="AF3" s="227"/>
      <c r="AG3" s="227"/>
      <c r="AH3" s="227"/>
      <c r="AI3" s="227"/>
      <c r="AJ3" s="227"/>
      <c r="AK3" s="227"/>
      <c r="AL3" s="227"/>
      <c r="AM3" s="227"/>
      <c r="AN3" s="227"/>
      <c r="AO3" s="227"/>
      <c r="AP3" s="227"/>
      <c r="AQ3" s="227"/>
      <c r="AR3" s="249"/>
      <c r="AS3" s="249"/>
      <c r="AT3" s="249"/>
      <c r="AU3" s="249"/>
      <c r="AV3" s="249"/>
      <c r="AW3" s="249"/>
    </row>
    <row r="4" spans="1:55" ht="36" customHeight="1">
      <c r="A4" s="388" t="s">
        <v>487</v>
      </c>
      <c r="B4" s="388"/>
      <c r="C4" s="388"/>
      <c r="D4" s="388"/>
      <c r="E4" s="388"/>
      <c r="F4" s="388"/>
      <c r="G4" s="388"/>
      <c r="H4" s="388"/>
      <c r="I4" s="388"/>
      <c r="J4" s="388"/>
      <c r="K4" s="388"/>
      <c r="L4" s="388"/>
      <c r="M4" s="388"/>
      <c r="N4" s="388"/>
      <c r="O4" s="388"/>
      <c r="P4" s="388"/>
      <c r="Q4" s="388"/>
      <c r="R4" s="388"/>
      <c r="S4" s="388"/>
      <c r="T4" s="388"/>
      <c r="U4" s="388"/>
      <c r="V4" s="388"/>
      <c r="W4" s="388"/>
      <c r="X4" s="259"/>
      <c r="Y4" s="259"/>
      <c r="Z4" s="259"/>
      <c r="AA4" s="259"/>
      <c r="AB4" s="259"/>
      <c r="AC4" s="259"/>
      <c r="AD4" s="259"/>
      <c r="AE4" s="259"/>
      <c r="AF4" s="259"/>
      <c r="AG4" s="259"/>
      <c r="AH4" s="259"/>
      <c r="AI4" s="259"/>
      <c r="AJ4" s="259"/>
      <c r="AK4" s="259"/>
      <c r="AL4" s="259"/>
      <c r="AM4" s="259"/>
      <c r="AN4" s="259"/>
      <c r="AO4" s="259"/>
      <c r="AP4" s="259"/>
      <c r="AQ4" s="259"/>
      <c r="AR4" s="249"/>
      <c r="AS4" s="249"/>
      <c r="AT4" s="249"/>
      <c r="AU4" s="249"/>
      <c r="AV4" s="249"/>
      <c r="AW4" s="249"/>
    </row>
    <row r="5" spans="1:55" ht="34.5" customHeight="1">
      <c r="A5" s="64"/>
      <c r="B5" s="377" t="s">
        <v>270</v>
      </c>
      <c r="C5" s="378"/>
      <c r="D5" s="378"/>
      <c r="E5" s="378"/>
      <c r="F5" s="378"/>
      <c r="G5" s="378"/>
      <c r="H5" s="378"/>
      <c r="I5" s="378"/>
      <c r="J5" s="378"/>
      <c r="K5" s="378"/>
      <c r="L5" s="379"/>
      <c r="M5" s="380" t="s">
        <v>271</v>
      </c>
      <c r="N5" s="381"/>
      <c r="O5" s="381"/>
      <c r="P5" s="381"/>
      <c r="Q5" s="381"/>
      <c r="R5" s="381"/>
      <c r="S5" s="381"/>
      <c r="T5" s="381"/>
      <c r="U5" s="381"/>
      <c r="V5" s="381"/>
      <c r="W5" s="381"/>
      <c r="X5" s="249"/>
      <c r="Y5" s="249"/>
      <c r="Z5" s="249"/>
      <c r="AA5" s="249"/>
      <c r="AB5" s="249"/>
      <c r="AC5" s="249"/>
      <c r="AD5" s="249"/>
      <c r="AE5" s="249"/>
      <c r="AF5" s="249"/>
      <c r="AG5" s="249"/>
      <c r="AH5" s="249"/>
      <c r="AI5" s="249"/>
      <c r="AJ5" s="249"/>
      <c r="AK5" s="249"/>
      <c r="AL5" s="249"/>
      <c r="AM5" s="249"/>
      <c r="AN5" s="249"/>
      <c r="AO5" s="249"/>
      <c r="AP5" s="249"/>
      <c r="AQ5" s="249"/>
      <c r="AR5" s="249"/>
      <c r="AS5" s="249"/>
      <c r="AT5" s="249"/>
      <c r="AU5" s="249"/>
      <c r="AV5" s="249"/>
      <c r="AW5" s="249"/>
      <c r="AX5" s="249"/>
      <c r="AY5" s="249"/>
      <c r="AZ5" s="249"/>
      <c r="BA5" s="249"/>
    </row>
    <row r="6" spans="1:55" ht="49.5" customHeight="1">
      <c r="A6" s="37" t="s">
        <v>85</v>
      </c>
      <c r="B6" s="38" t="s">
        <v>86</v>
      </c>
      <c r="C6" s="39" t="s">
        <v>87</v>
      </c>
      <c r="D6" s="40" t="s">
        <v>88</v>
      </c>
      <c r="E6" s="38" t="s">
        <v>368</v>
      </c>
      <c r="F6" s="89" t="s">
        <v>162</v>
      </c>
      <c r="G6" s="38" t="s">
        <v>369</v>
      </c>
      <c r="H6" s="89" t="s">
        <v>163</v>
      </c>
      <c r="I6" s="38" t="s">
        <v>370</v>
      </c>
      <c r="J6" s="89" t="s">
        <v>136</v>
      </c>
      <c r="K6" s="38" t="s">
        <v>357</v>
      </c>
      <c r="L6" s="89" t="s">
        <v>371</v>
      </c>
      <c r="M6" s="65" t="s">
        <v>86</v>
      </c>
      <c r="N6" s="66" t="s">
        <v>87</v>
      </c>
      <c r="O6" s="67" t="s">
        <v>88</v>
      </c>
      <c r="P6" s="65" t="s">
        <v>368</v>
      </c>
      <c r="Q6" s="88" t="s">
        <v>162</v>
      </c>
      <c r="R6" s="65" t="s">
        <v>372</v>
      </c>
      <c r="S6" s="88" t="s">
        <v>373</v>
      </c>
      <c r="T6" s="65" t="s">
        <v>370</v>
      </c>
      <c r="U6" s="88" t="s">
        <v>136</v>
      </c>
      <c r="V6" s="65" t="s">
        <v>357</v>
      </c>
      <c r="W6" s="88" t="s">
        <v>371</v>
      </c>
      <c r="X6" s="249"/>
      <c r="Y6" s="249"/>
      <c r="Z6" s="249"/>
      <c r="AA6" s="249"/>
      <c r="AB6" s="249"/>
      <c r="AC6" s="249"/>
      <c r="AD6" s="249"/>
      <c r="AE6" s="249"/>
      <c r="AF6" s="249"/>
      <c r="AG6" s="249"/>
      <c r="AH6" s="249"/>
      <c r="AI6" s="249"/>
      <c r="AJ6" s="249"/>
      <c r="AK6" s="249"/>
      <c r="AL6" s="249"/>
      <c r="AM6" s="249"/>
      <c r="AN6" s="249"/>
      <c r="AO6" s="249"/>
      <c r="AP6" s="249"/>
      <c r="AQ6" s="249"/>
      <c r="AR6" s="249"/>
      <c r="AS6" s="249"/>
      <c r="AT6" s="249"/>
      <c r="AU6" s="249"/>
      <c r="AV6" s="249"/>
      <c r="AW6" s="249"/>
      <c r="AX6" s="249"/>
      <c r="AY6" s="249"/>
      <c r="AZ6" s="249"/>
      <c r="BA6" s="249"/>
      <c r="BB6" s="249"/>
      <c r="BC6" s="249"/>
    </row>
    <row r="7" spans="1:55" ht="72">
      <c r="A7" s="41"/>
      <c r="B7" s="42" t="s">
        <v>89</v>
      </c>
      <c r="C7" s="126" t="s">
        <v>360</v>
      </c>
      <c r="D7" s="44" t="s">
        <v>91</v>
      </c>
      <c r="E7" s="42" t="s">
        <v>181</v>
      </c>
      <c r="F7" s="91" t="s">
        <v>104</v>
      </c>
      <c r="G7" s="42" t="s">
        <v>182</v>
      </c>
      <c r="H7" s="91" t="s">
        <v>104</v>
      </c>
      <c r="I7" s="42" t="s">
        <v>183</v>
      </c>
      <c r="J7" s="91" t="s">
        <v>104</v>
      </c>
      <c r="K7" s="42" t="s">
        <v>357</v>
      </c>
      <c r="L7" s="91" t="s">
        <v>104</v>
      </c>
      <c r="M7" s="68" t="s">
        <v>89</v>
      </c>
      <c r="N7" s="273" t="s">
        <v>360</v>
      </c>
      <c r="O7" s="70" t="s">
        <v>91</v>
      </c>
      <c r="P7" s="68" t="s">
        <v>181</v>
      </c>
      <c r="Q7" s="90" t="s">
        <v>104</v>
      </c>
      <c r="R7" s="68" t="s">
        <v>182</v>
      </c>
      <c r="S7" s="90" t="s">
        <v>104</v>
      </c>
      <c r="T7" s="68" t="s">
        <v>183</v>
      </c>
      <c r="U7" s="90" t="s">
        <v>104</v>
      </c>
      <c r="V7" s="68" t="s">
        <v>357</v>
      </c>
      <c r="W7" s="90" t="s">
        <v>104</v>
      </c>
    </row>
    <row r="8" spans="1:55">
      <c r="A8" s="45" t="s">
        <v>435</v>
      </c>
      <c r="B8" s="186">
        <v>10984</v>
      </c>
      <c r="C8" s="84">
        <v>4.8899999999999997</v>
      </c>
      <c r="D8" s="85">
        <v>3.9199999999999999E-2</v>
      </c>
      <c r="E8" s="188">
        <v>0.19600000000000001</v>
      </c>
      <c r="F8" s="94">
        <v>7.5756414386888137E-3</v>
      </c>
      <c r="G8" s="188">
        <v>0.16200000000000001</v>
      </c>
      <c r="H8" s="94">
        <v>7.0320697110495085E-3</v>
      </c>
      <c r="I8" s="188">
        <v>0.63100000000000001</v>
      </c>
      <c r="J8" s="94">
        <v>9.2068312446001097E-3</v>
      </c>
      <c r="K8" s="188">
        <v>1.0999999999999999E-2</v>
      </c>
      <c r="L8" s="94">
        <v>2.0059126667579716E-3</v>
      </c>
      <c r="M8" s="186">
        <v>11074</v>
      </c>
      <c r="N8" s="84">
        <v>5.4</v>
      </c>
      <c r="O8" s="85">
        <v>1.9599999999999999E-2</v>
      </c>
      <c r="P8" s="188">
        <v>7.4999999999999997E-2</v>
      </c>
      <c r="Q8" s="94">
        <v>5.0340808005329817E-3</v>
      </c>
      <c r="R8" s="188">
        <v>0.115</v>
      </c>
      <c r="S8" s="94">
        <v>6.0947779751367942E-3</v>
      </c>
      <c r="T8" s="188">
        <v>0.68500000000000005</v>
      </c>
      <c r="U8" s="94">
        <v>8.8701825986047169E-3</v>
      </c>
      <c r="V8" s="188">
        <v>0.126</v>
      </c>
      <c r="W8" s="94">
        <v>6.3394104173580719E-3</v>
      </c>
    </row>
    <row r="9" spans="1:55">
      <c r="A9" s="49" t="s">
        <v>436</v>
      </c>
      <c r="B9" s="49">
        <v>8836</v>
      </c>
      <c r="C9" s="170">
        <v>4.7</v>
      </c>
      <c r="D9" s="130">
        <v>3.9199999999999999E-2</v>
      </c>
      <c r="E9" s="189">
        <v>0.249</v>
      </c>
      <c r="F9" s="97">
        <v>9.2000393856238021E-3</v>
      </c>
      <c r="G9" s="189">
        <v>0.161</v>
      </c>
      <c r="H9" s="97">
        <v>7.8210464800530181E-3</v>
      </c>
      <c r="I9" s="189">
        <v>0.58499999999999996</v>
      </c>
      <c r="J9" s="97">
        <v>1.0481216488890508E-2</v>
      </c>
      <c r="K9" s="189">
        <v>5.0000000000000001E-3</v>
      </c>
      <c r="L9" s="97">
        <v>1.5334419795925037E-3</v>
      </c>
      <c r="M9" s="49">
        <v>8821</v>
      </c>
      <c r="N9" s="170">
        <v>5.47</v>
      </c>
      <c r="O9" s="130">
        <v>3.9199999999999999E-2</v>
      </c>
      <c r="P9" s="189">
        <v>7.0999999999999994E-2</v>
      </c>
      <c r="Q9" s="97">
        <v>5.4746719709409608E-3</v>
      </c>
      <c r="R9" s="189">
        <v>0.10100000000000001</v>
      </c>
      <c r="S9" s="97">
        <v>6.4203389805858871E-3</v>
      </c>
      <c r="T9" s="189">
        <v>0.69499999999999995</v>
      </c>
      <c r="U9" s="97">
        <v>9.8028026851548992E-3</v>
      </c>
      <c r="V9" s="189">
        <v>0.13300000000000001</v>
      </c>
      <c r="W9" s="97">
        <v>7.2333213841521459E-3</v>
      </c>
    </row>
    <row r="10" spans="1:55">
      <c r="A10" s="53" t="s">
        <v>437</v>
      </c>
      <c r="B10" s="53">
        <v>1982</v>
      </c>
      <c r="C10" s="84">
        <v>5.34</v>
      </c>
      <c r="D10" s="85">
        <v>5.8799999999999998E-2</v>
      </c>
      <c r="E10" s="188">
        <v>8.5500000000000007E-2</v>
      </c>
      <c r="F10" s="94">
        <v>1.2604538787916123E-2</v>
      </c>
      <c r="G10" s="188">
        <v>0.15870000000000001</v>
      </c>
      <c r="H10" s="94">
        <v>1.6427267436820155E-2</v>
      </c>
      <c r="I10" s="188">
        <v>0.73740000000000006</v>
      </c>
      <c r="J10" s="94">
        <v>1.9760297484259556E-2</v>
      </c>
      <c r="K10" s="188">
        <v>1.8499999999999999E-2</v>
      </c>
      <c r="L10" s="94">
        <v>6.2008536355848401E-3</v>
      </c>
      <c r="M10" s="53">
        <v>1982</v>
      </c>
      <c r="N10" s="84">
        <v>5.31</v>
      </c>
      <c r="O10" s="85">
        <v>5.8799999999999998E-2</v>
      </c>
      <c r="P10" s="188">
        <v>7.5800000000000006E-2</v>
      </c>
      <c r="Q10" s="94">
        <v>1.1939633879621185E-2</v>
      </c>
      <c r="R10" s="188">
        <v>0.125</v>
      </c>
      <c r="S10" s="94">
        <v>1.4880585078639935E-2</v>
      </c>
      <c r="T10" s="188">
        <v>0.68089999999999995</v>
      </c>
      <c r="U10" s="94">
        <v>2.0925556405062211E-2</v>
      </c>
      <c r="V10" s="188">
        <v>0.1183</v>
      </c>
      <c r="W10" s="94">
        <v>1.4534842448889567E-2</v>
      </c>
    </row>
    <row r="11" spans="1:55">
      <c r="A11" s="49" t="s">
        <v>438</v>
      </c>
      <c r="B11" s="49">
        <v>98</v>
      </c>
      <c r="C11" s="170">
        <v>4.49</v>
      </c>
      <c r="D11" s="130">
        <v>0.37240000000000001</v>
      </c>
      <c r="E11" s="189">
        <v>0.28199999999999997</v>
      </c>
      <c r="F11" s="97">
        <v>8.9908512718897146E-2</v>
      </c>
      <c r="G11" s="189">
        <v>0.15</v>
      </c>
      <c r="H11" s="97">
        <v>7.3276124045574639E-2</v>
      </c>
      <c r="I11" s="189">
        <v>0.56799999999999995</v>
      </c>
      <c r="J11" s="97">
        <v>9.8165837185927085E-2</v>
      </c>
      <c r="K11" s="189">
        <v>0</v>
      </c>
      <c r="L11" s="97">
        <v>2.745647223584333E-2</v>
      </c>
      <c r="M11" s="49">
        <v>99</v>
      </c>
      <c r="N11" s="170">
        <v>4.5999999999999996</v>
      </c>
      <c r="O11" s="130">
        <v>0.37240000000000001</v>
      </c>
      <c r="P11" s="189">
        <v>0.23599999999999999</v>
      </c>
      <c r="Q11" s="97">
        <v>8.4901352074548367E-2</v>
      </c>
      <c r="R11" s="189">
        <v>0.13900000000000001</v>
      </c>
      <c r="S11" s="97">
        <v>7.0944932932389473E-2</v>
      </c>
      <c r="T11" s="189">
        <v>0.43</v>
      </c>
      <c r="U11" s="97">
        <v>9.7636773386734724E-2</v>
      </c>
      <c r="V11" s="189">
        <v>0.19600000000000001</v>
      </c>
      <c r="W11" s="97">
        <v>7.9956921468955194E-2</v>
      </c>
    </row>
    <row r="12" spans="1:55">
      <c r="A12" s="53" t="s">
        <v>439</v>
      </c>
      <c r="B12" s="53">
        <v>679</v>
      </c>
      <c r="C12" s="84">
        <v>4.75</v>
      </c>
      <c r="D12" s="85">
        <v>0.1176</v>
      </c>
      <c r="E12" s="188">
        <v>0.20699999999999999</v>
      </c>
      <c r="F12" s="94">
        <v>3.1100235385951757E-2</v>
      </c>
      <c r="G12" s="188">
        <v>0.16400000000000001</v>
      </c>
      <c r="H12" s="94">
        <v>2.8472326820662353E-2</v>
      </c>
      <c r="I12" s="188">
        <v>0.61</v>
      </c>
      <c r="J12" s="94">
        <v>3.7337549558965039E-2</v>
      </c>
      <c r="K12" s="188">
        <v>1.9E-2</v>
      </c>
      <c r="L12" s="94">
        <v>1.1179620422298947E-2</v>
      </c>
      <c r="M12" s="53">
        <v>685</v>
      </c>
      <c r="N12" s="84">
        <v>5.38</v>
      </c>
      <c r="O12" s="85">
        <v>0.1176</v>
      </c>
      <c r="P12" s="188">
        <v>0.08</v>
      </c>
      <c r="Q12" s="94">
        <v>2.1050052367098303E-2</v>
      </c>
      <c r="R12" s="188">
        <v>9.2999999999999999E-2</v>
      </c>
      <c r="S12" s="94">
        <v>2.2479607843583913E-2</v>
      </c>
      <c r="T12" s="188">
        <v>0.66500000000000004</v>
      </c>
      <c r="U12" s="94">
        <v>3.6146193599473457E-2</v>
      </c>
      <c r="V12" s="188">
        <v>0.16200000000000001</v>
      </c>
      <c r="W12" s="94">
        <v>2.8334978570223129E-2</v>
      </c>
    </row>
    <row r="13" spans="1:55">
      <c r="A13" s="49" t="s">
        <v>440</v>
      </c>
      <c r="B13" s="49">
        <v>289</v>
      </c>
      <c r="C13" s="170">
        <v>5</v>
      </c>
      <c r="D13" s="130">
        <v>0.1764</v>
      </c>
      <c r="E13" s="189">
        <v>0.16700000000000001</v>
      </c>
      <c r="F13" s="97">
        <v>4.4047448696036412E-2</v>
      </c>
      <c r="G13" s="189">
        <v>0.107</v>
      </c>
      <c r="H13" s="97">
        <v>3.6900244142752191E-2</v>
      </c>
      <c r="I13" s="189">
        <v>0.71099999999999997</v>
      </c>
      <c r="J13" s="97">
        <v>5.311926087343978E-2</v>
      </c>
      <c r="K13" s="189">
        <v>1.4E-2</v>
      </c>
      <c r="L13" s="97">
        <v>1.6609967322413322E-2</v>
      </c>
      <c r="M13" s="49">
        <v>293</v>
      </c>
      <c r="N13" s="170">
        <v>5.77</v>
      </c>
      <c r="O13" s="130">
        <v>0.13720000000000002</v>
      </c>
      <c r="P13" s="189">
        <v>3.4000000000000002E-2</v>
      </c>
      <c r="Q13" s="97">
        <v>2.2950052088193233E-2</v>
      </c>
      <c r="R13" s="189">
        <v>7.3999999999999996E-2</v>
      </c>
      <c r="S13" s="97">
        <v>3.1607398122027307E-2</v>
      </c>
      <c r="T13" s="189">
        <v>0.71699999999999997</v>
      </c>
      <c r="U13" s="97">
        <v>5.2706815418551364E-2</v>
      </c>
      <c r="V13" s="189">
        <v>0.17499999999999999</v>
      </c>
      <c r="W13" s="97">
        <v>4.4756270813835465E-2</v>
      </c>
    </row>
    <row r="14" spans="1:55">
      <c r="A14" s="53" t="s">
        <v>441</v>
      </c>
      <c r="B14" s="53">
        <v>83</v>
      </c>
      <c r="C14" s="84">
        <v>4.72</v>
      </c>
      <c r="D14" s="85">
        <v>0.39200000000000002</v>
      </c>
      <c r="E14" s="188">
        <v>0.249</v>
      </c>
      <c r="F14" s="94">
        <v>9.4116342406008358E-2</v>
      </c>
      <c r="G14" s="188">
        <v>0.09</v>
      </c>
      <c r="H14" s="94">
        <v>6.6782242493965388E-2</v>
      </c>
      <c r="I14" s="188">
        <v>0.66100000000000003</v>
      </c>
      <c r="J14" s="94">
        <v>0.10202720984864476</v>
      </c>
      <c r="K14" s="188">
        <v>0</v>
      </c>
      <c r="L14" s="94">
        <v>3.2134798233390625E-2</v>
      </c>
      <c r="M14" s="53">
        <v>83</v>
      </c>
      <c r="N14" s="84">
        <v>5.43</v>
      </c>
      <c r="O14" s="85">
        <v>0.37240000000000001</v>
      </c>
      <c r="P14" s="188">
        <v>0.114</v>
      </c>
      <c r="Q14" s="94">
        <v>7.2521046049487115E-2</v>
      </c>
      <c r="R14" s="188">
        <v>3.5999999999999997E-2</v>
      </c>
      <c r="S14" s="94">
        <v>4.9848608609790263E-2</v>
      </c>
      <c r="T14" s="188">
        <v>0.65600000000000003</v>
      </c>
      <c r="U14" s="94">
        <v>0.10235173736573909</v>
      </c>
      <c r="V14" s="188">
        <v>0.19400000000000001</v>
      </c>
      <c r="W14" s="94">
        <v>8.7039763962298913E-2</v>
      </c>
    </row>
    <row r="15" spans="1:55">
      <c r="A15" s="49" t="s">
        <v>442</v>
      </c>
      <c r="B15" s="49">
        <v>155</v>
      </c>
      <c r="C15" s="170">
        <v>4.55</v>
      </c>
      <c r="D15" s="130">
        <v>0.23519999999999999</v>
      </c>
      <c r="E15" s="189">
        <v>0.193</v>
      </c>
      <c r="F15" s="97">
        <v>6.3530003636972518E-2</v>
      </c>
      <c r="G15" s="189">
        <v>0.255</v>
      </c>
      <c r="H15" s="97">
        <v>6.967257417387554E-2</v>
      </c>
      <c r="I15" s="189">
        <v>0.51300000000000001</v>
      </c>
      <c r="J15" s="97">
        <v>7.9279681057634457E-2</v>
      </c>
      <c r="K15" s="189">
        <v>3.9E-2</v>
      </c>
      <c r="L15" s="97">
        <v>3.4763307071259901E-2</v>
      </c>
      <c r="M15" s="49">
        <v>156</v>
      </c>
      <c r="N15" s="170">
        <v>4.96</v>
      </c>
      <c r="O15" s="130">
        <v>0.27440000000000003</v>
      </c>
      <c r="P15" s="189">
        <v>9.1999999999999998E-2</v>
      </c>
      <c r="Q15" s="97">
        <v>4.8223600075505156E-2</v>
      </c>
      <c r="R15" s="189">
        <v>0.16600000000000001</v>
      </c>
      <c r="S15" s="97">
        <v>6.0382935443594972E-2</v>
      </c>
      <c r="T15" s="189">
        <v>0.59199999999999997</v>
      </c>
      <c r="U15" s="97">
        <v>7.8265877944278583E-2</v>
      </c>
      <c r="V15" s="189">
        <v>0.15</v>
      </c>
      <c r="W15" s="97">
        <v>5.8162587171655095E-2</v>
      </c>
    </row>
    <row r="16" spans="1:55">
      <c r="A16" s="53" t="s">
        <v>443</v>
      </c>
      <c r="B16" s="53">
        <v>146</v>
      </c>
      <c r="C16" s="84">
        <v>4.4800000000000004</v>
      </c>
      <c r="D16" s="85">
        <v>0.29399999999999998</v>
      </c>
      <c r="E16" s="188">
        <v>0.27800000000000002</v>
      </c>
      <c r="F16" s="94">
        <v>7.3631412427034151E-2</v>
      </c>
      <c r="G16" s="188">
        <v>0.216</v>
      </c>
      <c r="H16" s="94">
        <v>6.8036911149866403E-2</v>
      </c>
      <c r="I16" s="188">
        <v>0.49</v>
      </c>
      <c r="J16" s="94">
        <v>8.1634186012515167E-2</v>
      </c>
      <c r="K16" s="188">
        <v>1.6E-2</v>
      </c>
      <c r="L16" s="94">
        <v>2.7359859302215666E-2</v>
      </c>
      <c r="M16" s="53">
        <v>147</v>
      </c>
      <c r="N16" s="84">
        <v>5.08</v>
      </c>
      <c r="O16" s="85">
        <v>0.27440000000000003</v>
      </c>
      <c r="P16" s="188">
        <v>0.14000000000000001</v>
      </c>
      <c r="Q16" s="94">
        <v>5.8245420993127586E-2</v>
      </c>
      <c r="R16" s="188">
        <v>8.1000000000000003E-2</v>
      </c>
      <c r="S16" s="94">
        <v>4.7237671394923936E-2</v>
      </c>
      <c r="T16" s="188">
        <v>0.64500000000000002</v>
      </c>
      <c r="U16" s="94">
        <v>7.8329455034015949E-2</v>
      </c>
      <c r="V16" s="188">
        <v>0.13400000000000001</v>
      </c>
      <c r="W16" s="94">
        <v>5.7292946023048942E-2</v>
      </c>
    </row>
    <row r="17" spans="1:23">
      <c r="A17" s="49" t="s">
        <v>444</v>
      </c>
      <c r="B17" s="49">
        <v>763</v>
      </c>
      <c r="C17" s="170">
        <v>4.8899999999999997</v>
      </c>
      <c r="D17" s="130">
        <v>0.1176</v>
      </c>
      <c r="E17" s="189">
        <v>0.214</v>
      </c>
      <c r="F17" s="97">
        <v>2.9692463487817941E-2</v>
      </c>
      <c r="G17" s="189">
        <v>0.17199999999999999</v>
      </c>
      <c r="H17" s="97">
        <v>2.7359712266311065E-2</v>
      </c>
      <c r="I17" s="189">
        <v>0.60399999999999998</v>
      </c>
      <c r="J17" s="97">
        <v>3.5326491301817912E-2</v>
      </c>
      <c r="K17" s="189">
        <v>1.0999999999999999E-2</v>
      </c>
      <c r="L17" s="97">
        <v>8.3491562915600174E-3</v>
      </c>
      <c r="M17" s="49">
        <v>769</v>
      </c>
      <c r="N17" s="170">
        <v>5.23</v>
      </c>
      <c r="O17" s="130">
        <v>0.1176</v>
      </c>
      <c r="P17" s="189">
        <v>9.8000000000000004E-2</v>
      </c>
      <c r="Q17" s="97">
        <v>2.1674031051760478E-2</v>
      </c>
      <c r="R17" s="189">
        <v>0.13700000000000001</v>
      </c>
      <c r="S17" s="97">
        <v>2.4974751215767064E-2</v>
      </c>
      <c r="T17" s="189">
        <v>0.64</v>
      </c>
      <c r="U17" s="97">
        <v>3.4678925874166253E-2</v>
      </c>
      <c r="V17" s="189">
        <v>0.125</v>
      </c>
      <c r="W17" s="97">
        <v>2.4042327834262647E-2</v>
      </c>
    </row>
    <row r="18" spans="1:23">
      <c r="A18" s="45" t="s">
        <v>445</v>
      </c>
      <c r="B18" s="186">
        <v>553</v>
      </c>
      <c r="C18" s="84">
        <v>4.5199999999999996</v>
      </c>
      <c r="D18" s="85">
        <v>0.13720000000000002</v>
      </c>
      <c r="E18" s="188">
        <v>0.31</v>
      </c>
      <c r="F18" s="94">
        <v>3.9240237857049713E-2</v>
      </c>
      <c r="G18" s="188">
        <v>0.158</v>
      </c>
      <c r="H18" s="94">
        <v>3.1102988918990566E-2</v>
      </c>
      <c r="I18" s="188">
        <v>0.52700000000000002</v>
      </c>
      <c r="J18" s="94">
        <v>4.2310422701343074E-2</v>
      </c>
      <c r="K18" s="188">
        <v>4.0000000000000001E-3</v>
      </c>
      <c r="L18" s="94">
        <v>7.3412613878022998E-3</v>
      </c>
      <c r="M18" s="186">
        <v>476</v>
      </c>
      <c r="N18" s="84">
        <v>5.12</v>
      </c>
      <c r="O18" s="85">
        <v>0.13720000000000002</v>
      </c>
      <c r="P18" s="188">
        <v>0.114</v>
      </c>
      <c r="Q18" s="94">
        <v>2.7214988809181249E-2</v>
      </c>
      <c r="R18" s="188">
        <v>0.13300000000000001</v>
      </c>
      <c r="S18" s="94">
        <v>2.9016004474962574E-2</v>
      </c>
      <c r="T18" s="188">
        <v>0.64300000000000002</v>
      </c>
      <c r="U18" s="94">
        <v>4.062736449815451E-2</v>
      </c>
      <c r="V18" s="188">
        <v>0.11</v>
      </c>
      <c r="W18" s="94">
        <v>2.680827816648855E-2</v>
      </c>
    </row>
    <row r="19" spans="1:23" ht="25.5">
      <c r="A19" s="49" t="s">
        <v>450</v>
      </c>
      <c r="B19" s="187">
        <v>140</v>
      </c>
      <c r="C19" s="170">
        <v>4.26</v>
      </c>
      <c r="D19" s="130">
        <v>0.29399999999999998</v>
      </c>
      <c r="E19" s="189">
        <v>0.379</v>
      </c>
      <c r="F19" s="97">
        <v>8.0994014151422128E-2</v>
      </c>
      <c r="G19" s="189">
        <v>0.15</v>
      </c>
      <c r="H19" s="97">
        <v>6.1058040227361013E-2</v>
      </c>
      <c r="I19" s="189">
        <v>0.46500000000000002</v>
      </c>
      <c r="J19" s="97">
        <v>8.3140127752873105E-2</v>
      </c>
      <c r="K19" s="189">
        <v>6.0000000000000001E-3</v>
      </c>
      <c r="L19" s="97">
        <v>2.3174013327216032E-2</v>
      </c>
      <c r="M19" s="187">
        <v>141</v>
      </c>
      <c r="N19" s="170">
        <v>4.83</v>
      </c>
      <c r="O19" s="130">
        <v>0.29399999999999998</v>
      </c>
      <c r="P19" s="189">
        <v>0.186</v>
      </c>
      <c r="Q19" s="97">
        <v>6.5997785820405816E-2</v>
      </c>
      <c r="R19" s="189">
        <v>0.13800000000000001</v>
      </c>
      <c r="S19" s="97">
        <v>5.9192507977664462E-2</v>
      </c>
      <c r="T19" s="189">
        <v>0.57499999999999996</v>
      </c>
      <c r="U19" s="97">
        <v>8.2442431045720591E-2</v>
      </c>
      <c r="V19" s="189">
        <v>0.1</v>
      </c>
      <c r="W19" s="97">
        <v>5.2378280087892408E-2</v>
      </c>
    </row>
    <row r="20" spans="1:23">
      <c r="A20" s="53" t="s">
        <v>447</v>
      </c>
      <c r="B20" s="54">
        <v>183</v>
      </c>
      <c r="C20" s="84">
        <v>5.27</v>
      </c>
      <c r="D20" s="85">
        <v>0.21559999999999999</v>
      </c>
      <c r="E20" s="188">
        <v>0.14000000000000001</v>
      </c>
      <c r="F20" s="94">
        <v>5.1891513075093779E-2</v>
      </c>
      <c r="G20" s="188">
        <v>0.123</v>
      </c>
      <c r="H20" s="94">
        <v>4.935657754514363E-2</v>
      </c>
      <c r="I20" s="188">
        <v>0.73699999999999999</v>
      </c>
      <c r="J20" s="94">
        <v>6.4784010018258176E-2</v>
      </c>
      <c r="K20" s="188">
        <v>0</v>
      </c>
      <c r="L20" s="94">
        <v>1.504417746716019E-2</v>
      </c>
      <c r="M20" s="54">
        <v>184</v>
      </c>
      <c r="N20" s="84">
        <v>5.86</v>
      </c>
      <c r="O20" s="85">
        <v>0.1764</v>
      </c>
      <c r="P20" s="188">
        <v>3.5999999999999997E-2</v>
      </c>
      <c r="Q20" s="94">
        <v>3.0713547378930593E-2</v>
      </c>
      <c r="R20" s="188">
        <v>3.7999999999999999E-2</v>
      </c>
      <c r="S20" s="94">
        <v>3.1328187608936617E-2</v>
      </c>
      <c r="T20" s="188">
        <v>0.75900000000000001</v>
      </c>
      <c r="U20" s="94">
        <v>6.3206978755652343E-2</v>
      </c>
      <c r="V20" s="188">
        <v>0.16700000000000001</v>
      </c>
      <c r="W20" s="94">
        <v>5.561564243402712E-2</v>
      </c>
    </row>
    <row r="21" spans="1:23">
      <c r="A21" s="49" t="s">
        <v>446</v>
      </c>
      <c r="B21" s="187">
        <v>118</v>
      </c>
      <c r="C21" s="170">
        <v>5.49</v>
      </c>
      <c r="D21" s="130">
        <v>0.23519999999999999</v>
      </c>
      <c r="E21" s="189">
        <v>0.115</v>
      </c>
      <c r="F21" s="97">
        <v>6.041803368926453E-2</v>
      </c>
      <c r="G21" s="189">
        <v>8.8999999999999996E-2</v>
      </c>
      <c r="H21" s="97">
        <v>5.4914001384279529E-2</v>
      </c>
      <c r="I21" s="189">
        <v>0.79600000000000004</v>
      </c>
      <c r="J21" s="97">
        <v>7.4224984976755393E-2</v>
      </c>
      <c r="K21" s="189">
        <v>0</v>
      </c>
      <c r="L21" s="97">
        <v>2.2993012239943496E-2</v>
      </c>
      <c r="M21" s="187">
        <v>118</v>
      </c>
      <c r="N21" s="170">
        <v>6</v>
      </c>
      <c r="O21" s="130">
        <v>0.1764</v>
      </c>
      <c r="P21" s="189">
        <v>1.0999999999999999E-2</v>
      </c>
      <c r="Q21" s="97">
        <v>2.9365986412555362E-2</v>
      </c>
      <c r="R21" s="189">
        <v>4.1000000000000002E-2</v>
      </c>
      <c r="S21" s="97">
        <v>4.164946212725839E-2</v>
      </c>
      <c r="T21" s="189">
        <v>0.76200000000000001</v>
      </c>
      <c r="U21" s="97">
        <v>7.8046529834371936E-2</v>
      </c>
      <c r="V21" s="189">
        <v>0.186</v>
      </c>
      <c r="W21" s="97">
        <v>7.1920567012730988E-2</v>
      </c>
    </row>
    <row r="22" spans="1:23">
      <c r="A22" s="57" t="s">
        <v>451</v>
      </c>
      <c r="B22" s="186">
        <v>175</v>
      </c>
      <c r="C22" s="84">
        <v>5.37</v>
      </c>
      <c r="D22" s="85">
        <v>0.21559999999999999</v>
      </c>
      <c r="E22" s="188">
        <v>9.5000000000000001E-2</v>
      </c>
      <c r="F22" s="94">
        <v>4.5642237299693675E-2</v>
      </c>
      <c r="G22" s="188">
        <v>0.18099999999999999</v>
      </c>
      <c r="H22" s="94">
        <v>5.8421730529041115E-2</v>
      </c>
      <c r="I22" s="188">
        <v>0.69799999999999995</v>
      </c>
      <c r="J22" s="94">
        <v>6.8914740809260383E-2</v>
      </c>
      <c r="K22" s="188">
        <v>2.5000000000000001E-2</v>
      </c>
      <c r="L22" s="94">
        <v>2.7703994322558968E-2</v>
      </c>
      <c r="M22" s="186">
        <v>177</v>
      </c>
      <c r="N22" s="84">
        <v>5.26</v>
      </c>
      <c r="O22" s="85">
        <v>0.19600000000000001</v>
      </c>
      <c r="P22" s="188">
        <v>9.7000000000000003E-2</v>
      </c>
      <c r="Q22" s="94">
        <v>4.6018796791932062E-2</v>
      </c>
      <c r="R22" s="188">
        <v>0.121</v>
      </c>
      <c r="S22" s="94">
        <v>5.0185573145511857E-2</v>
      </c>
      <c r="T22" s="188">
        <v>0.65500000000000003</v>
      </c>
      <c r="U22" s="94">
        <v>7.1228132331880217E-2</v>
      </c>
      <c r="V22" s="188">
        <v>0.127</v>
      </c>
      <c r="W22" s="94">
        <v>5.1136705897885583E-2</v>
      </c>
    </row>
    <row r="23" spans="1:23">
      <c r="A23" s="49" t="s">
        <v>448</v>
      </c>
      <c r="B23" s="187">
        <v>116</v>
      </c>
      <c r="C23" s="170">
        <v>5.12</v>
      </c>
      <c r="D23" s="130">
        <v>0.29399999999999998</v>
      </c>
      <c r="E23" s="189">
        <v>0.13800000000000001</v>
      </c>
      <c r="F23" s="97">
        <v>6.5203952390997036E-2</v>
      </c>
      <c r="G23" s="189">
        <v>0.23300000000000001</v>
      </c>
      <c r="H23" s="97">
        <v>7.8184480557205213E-2</v>
      </c>
      <c r="I23" s="189">
        <v>0.629</v>
      </c>
      <c r="J23" s="97">
        <v>8.8402471684902562E-2</v>
      </c>
      <c r="K23" s="189">
        <v>0</v>
      </c>
      <c r="L23" s="97">
        <v>2.3372982186625143E-2</v>
      </c>
      <c r="M23" s="187">
        <v>116</v>
      </c>
      <c r="N23" s="170">
        <v>5.36</v>
      </c>
      <c r="O23" s="130">
        <v>0.23519999999999999</v>
      </c>
      <c r="P23" s="189">
        <v>4.1000000000000002E-2</v>
      </c>
      <c r="Q23" s="97">
        <v>4.2083373597340476E-2</v>
      </c>
      <c r="R23" s="189">
        <v>0.19900000000000001</v>
      </c>
      <c r="S23" s="97">
        <v>7.4237995413150557E-2</v>
      </c>
      <c r="T23" s="189">
        <v>0.67200000000000004</v>
      </c>
      <c r="U23" s="97">
        <v>8.6092081624958516E-2</v>
      </c>
      <c r="V23" s="189">
        <v>8.7999999999999995E-2</v>
      </c>
      <c r="W23" s="97">
        <v>5.5191684827282393E-2</v>
      </c>
    </row>
    <row r="24" spans="1:23">
      <c r="A24" s="57" t="s">
        <v>449</v>
      </c>
      <c r="B24" s="186">
        <v>141</v>
      </c>
      <c r="C24" s="84">
        <v>4.13</v>
      </c>
      <c r="D24" s="85">
        <v>0.29399999999999998</v>
      </c>
      <c r="E24" s="188">
        <v>0.38900000000000001</v>
      </c>
      <c r="F24" s="94">
        <v>8.1087335299917518E-2</v>
      </c>
      <c r="G24" s="188">
        <v>0.153</v>
      </c>
      <c r="H24" s="94">
        <v>6.1283428387618313E-2</v>
      </c>
      <c r="I24" s="188">
        <v>0.44800000000000001</v>
      </c>
      <c r="J24" s="94">
        <v>8.2619715183460826E-2</v>
      </c>
      <c r="K24" s="188">
        <v>0.01</v>
      </c>
      <c r="L24" s="94">
        <v>2.5169319439084809E-2</v>
      </c>
      <c r="M24" s="186">
        <v>142</v>
      </c>
      <c r="N24" s="84">
        <v>4.79</v>
      </c>
      <c r="O24" s="85">
        <v>0.29399999999999998</v>
      </c>
      <c r="P24" s="188">
        <v>0.124</v>
      </c>
      <c r="Q24" s="94">
        <v>5.664565435552868E-2</v>
      </c>
      <c r="R24" s="188">
        <v>0.20100000000000001</v>
      </c>
      <c r="S24" s="94">
        <v>6.7561146743257791E-2</v>
      </c>
      <c r="T24" s="188">
        <v>0.50800000000000001</v>
      </c>
      <c r="U24" s="94">
        <v>8.3035427807579998E-2</v>
      </c>
      <c r="V24" s="188">
        <v>0.16700000000000001</v>
      </c>
      <c r="W24" s="94">
        <v>6.3277086858260043E-2</v>
      </c>
    </row>
    <row r="32" spans="1:23" ht="18.75">
      <c r="A32" s="317" t="s">
        <v>49</v>
      </c>
      <c r="B32" s="317"/>
      <c r="C32" s="317"/>
      <c r="D32" s="317"/>
      <c r="E32" s="317"/>
      <c r="F32" s="317"/>
      <c r="G32" s="317"/>
      <c r="H32" s="317"/>
      <c r="I32" s="317"/>
      <c r="J32" s="317"/>
      <c r="K32" s="317"/>
      <c r="L32" s="317"/>
      <c r="M32" s="317"/>
      <c r="N32" s="317"/>
      <c r="O32" s="317"/>
      <c r="P32" s="317"/>
      <c r="Q32" s="317"/>
      <c r="R32" s="317"/>
      <c r="S32" s="317"/>
      <c r="T32" s="317"/>
      <c r="U32" s="317"/>
      <c r="V32" s="317"/>
      <c r="W32" s="317"/>
    </row>
    <row r="33" spans="1:23" ht="56.25" customHeight="1">
      <c r="A33" s="387" t="s">
        <v>488</v>
      </c>
      <c r="B33" s="387"/>
      <c r="C33" s="387"/>
      <c r="D33" s="387"/>
      <c r="E33" s="387"/>
      <c r="F33" s="387"/>
      <c r="G33" s="387"/>
      <c r="H33" s="387"/>
      <c r="I33" s="387"/>
      <c r="J33" s="387"/>
      <c r="K33" s="387"/>
      <c r="L33" s="387"/>
      <c r="M33" s="387"/>
      <c r="N33" s="387"/>
      <c r="O33" s="387"/>
      <c r="P33" s="387"/>
      <c r="Q33" s="387"/>
      <c r="R33" s="387"/>
      <c r="S33" s="387"/>
      <c r="T33" s="387"/>
      <c r="U33" s="387"/>
      <c r="V33" s="387"/>
      <c r="W33" s="387"/>
    </row>
    <row r="34" spans="1:23" ht="36" customHeight="1">
      <c r="A34" s="64"/>
      <c r="B34" s="377" t="s">
        <v>164</v>
      </c>
      <c r="C34" s="378"/>
      <c r="D34" s="378"/>
      <c r="E34" s="378"/>
      <c r="F34" s="378"/>
      <c r="G34" s="378"/>
      <c r="H34" s="378"/>
      <c r="I34" s="378"/>
      <c r="J34" s="378"/>
      <c r="K34" s="378"/>
      <c r="L34" s="379"/>
      <c r="M34" s="380" t="s">
        <v>165</v>
      </c>
      <c r="N34" s="381"/>
      <c r="O34" s="381"/>
      <c r="P34" s="381"/>
      <c r="Q34" s="381"/>
      <c r="R34" s="381"/>
      <c r="S34" s="381"/>
      <c r="T34" s="381"/>
      <c r="U34" s="381"/>
      <c r="V34" s="381"/>
      <c r="W34" s="381"/>
    </row>
    <row r="35" spans="1:23" ht="41.25" customHeight="1">
      <c r="A35" s="37" t="s">
        <v>85</v>
      </c>
      <c r="B35" s="38" t="s">
        <v>86</v>
      </c>
      <c r="C35" s="39" t="s">
        <v>87</v>
      </c>
      <c r="D35" s="40" t="s">
        <v>88</v>
      </c>
      <c r="E35" s="38" t="s">
        <v>368</v>
      </c>
      <c r="F35" s="89" t="s">
        <v>162</v>
      </c>
      <c r="G35" s="38" t="s">
        <v>369</v>
      </c>
      <c r="H35" s="89" t="s">
        <v>163</v>
      </c>
      <c r="I35" s="38" t="s">
        <v>370</v>
      </c>
      <c r="J35" s="89" t="s">
        <v>136</v>
      </c>
      <c r="K35" s="38" t="s">
        <v>357</v>
      </c>
      <c r="L35" s="89" t="s">
        <v>371</v>
      </c>
      <c r="M35" s="65" t="s">
        <v>86</v>
      </c>
      <c r="N35" s="66" t="s">
        <v>87</v>
      </c>
      <c r="O35" s="67" t="s">
        <v>88</v>
      </c>
      <c r="P35" s="65" t="s">
        <v>368</v>
      </c>
      <c r="Q35" s="88" t="s">
        <v>162</v>
      </c>
      <c r="R35" s="65" t="s">
        <v>372</v>
      </c>
      <c r="S35" s="88" t="s">
        <v>373</v>
      </c>
      <c r="T35" s="65" t="s">
        <v>370</v>
      </c>
      <c r="U35" s="88" t="s">
        <v>136</v>
      </c>
      <c r="V35" s="65" t="s">
        <v>357</v>
      </c>
      <c r="W35" s="88" t="s">
        <v>371</v>
      </c>
    </row>
    <row r="36" spans="1:23" ht="72">
      <c r="A36" s="41"/>
      <c r="B36" s="42" t="s">
        <v>89</v>
      </c>
      <c r="C36" s="126" t="s">
        <v>360</v>
      </c>
      <c r="D36" s="44" t="s">
        <v>91</v>
      </c>
      <c r="E36" s="42" t="s">
        <v>181</v>
      </c>
      <c r="F36" s="91" t="s">
        <v>104</v>
      </c>
      <c r="G36" s="42" t="s">
        <v>182</v>
      </c>
      <c r="H36" s="91" t="s">
        <v>104</v>
      </c>
      <c r="I36" s="42" t="s">
        <v>183</v>
      </c>
      <c r="J36" s="91" t="s">
        <v>104</v>
      </c>
      <c r="K36" s="42" t="s">
        <v>357</v>
      </c>
      <c r="L36" s="91" t="s">
        <v>104</v>
      </c>
      <c r="M36" s="68" t="s">
        <v>89</v>
      </c>
      <c r="N36" s="273" t="s">
        <v>360</v>
      </c>
      <c r="O36" s="70" t="s">
        <v>91</v>
      </c>
      <c r="P36" s="68" t="s">
        <v>181</v>
      </c>
      <c r="Q36" s="90" t="s">
        <v>104</v>
      </c>
      <c r="R36" s="68" t="s">
        <v>182</v>
      </c>
      <c r="S36" s="90" t="s">
        <v>104</v>
      </c>
      <c r="T36" s="68" t="s">
        <v>183</v>
      </c>
      <c r="U36" s="90" t="s">
        <v>104</v>
      </c>
      <c r="V36" s="68" t="s">
        <v>357</v>
      </c>
      <c r="W36" s="90" t="s">
        <v>104</v>
      </c>
    </row>
    <row r="37" spans="1:23">
      <c r="A37" s="45" t="s">
        <v>435</v>
      </c>
      <c r="B37" s="186">
        <v>10997</v>
      </c>
      <c r="C37" s="84">
        <v>4.3899999999999997</v>
      </c>
      <c r="D37" s="85">
        <v>3.9199999999999999E-2</v>
      </c>
      <c r="E37" s="188">
        <v>0.26700000000000002</v>
      </c>
      <c r="F37" s="94">
        <v>8.4365585026298495E-3</v>
      </c>
      <c r="G37" s="188">
        <v>0.224</v>
      </c>
      <c r="H37" s="94">
        <v>7.9512967459353778E-3</v>
      </c>
      <c r="I37" s="188">
        <v>0.504</v>
      </c>
      <c r="J37" s="94">
        <v>9.5338876527077572E-3</v>
      </c>
      <c r="K37" s="188">
        <v>6.0000000000000001E-3</v>
      </c>
      <c r="L37" s="94">
        <v>1.4943376847884457E-3</v>
      </c>
      <c r="M37" s="186">
        <v>10977</v>
      </c>
      <c r="N37" s="84">
        <v>3.88</v>
      </c>
      <c r="O37" s="85">
        <v>3.9199999999999999E-2</v>
      </c>
      <c r="P37" s="188">
        <v>0.41699999999999998</v>
      </c>
      <c r="Q37" s="94">
        <v>9.4105679895937332E-3</v>
      </c>
      <c r="R37" s="188">
        <v>0.15</v>
      </c>
      <c r="S37" s="94">
        <v>6.8173572997118521E-3</v>
      </c>
      <c r="T37" s="188">
        <v>0.40899999999999997</v>
      </c>
      <c r="U37" s="94">
        <v>9.383608132361736E-3</v>
      </c>
      <c r="V37" s="188">
        <v>2.5000000000000001E-2</v>
      </c>
      <c r="W37" s="94">
        <v>2.9897889479471949E-3</v>
      </c>
    </row>
    <row r="38" spans="1:23">
      <c r="A38" s="49" t="s">
        <v>436</v>
      </c>
      <c r="B38" s="49">
        <v>8852</v>
      </c>
      <c r="C38" s="170">
        <v>4.1399999999999997</v>
      </c>
      <c r="D38" s="130">
        <v>3.9199999999999999E-2</v>
      </c>
      <c r="E38" s="189">
        <v>0.32900000000000001</v>
      </c>
      <c r="F38" s="97">
        <v>9.9861106946665928E-3</v>
      </c>
      <c r="G38" s="189">
        <v>0.24099999999999999</v>
      </c>
      <c r="H38" s="97">
        <v>9.0910178186695816E-3</v>
      </c>
      <c r="I38" s="189">
        <v>0.42899999999999999</v>
      </c>
      <c r="J38" s="97">
        <v>1.0518696579988291E-2</v>
      </c>
      <c r="K38" s="189">
        <v>1E-3</v>
      </c>
      <c r="L38" s="97">
        <v>7.4350009514959753E-4</v>
      </c>
      <c r="M38" s="49">
        <v>8830</v>
      </c>
      <c r="N38" s="170">
        <v>3.23</v>
      </c>
      <c r="O38" s="130">
        <v>3.9199999999999999E-2</v>
      </c>
      <c r="P38" s="189">
        <v>0.55700000000000005</v>
      </c>
      <c r="Q38" s="97">
        <v>1.0570203476782556E-2</v>
      </c>
      <c r="R38" s="189">
        <v>0.15</v>
      </c>
      <c r="S38" s="97">
        <v>7.6014282557568319E-3</v>
      </c>
      <c r="T38" s="189">
        <v>0.26300000000000001</v>
      </c>
      <c r="U38" s="97">
        <v>9.3695747639774892E-3</v>
      </c>
      <c r="V38" s="189">
        <v>0.03</v>
      </c>
      <c r="W38" s="97">
        <v>3.6423787895321488E-3</v>
      </c>
    </row>
    <row r="39" spans="1:23">
      <c r="A39" s="53" t="s">
        <v>437</v>
      </c>
      <c r="B39" s="53">
        <v>1980</v>
      </c>
      <c r="C39" s="84">
        <v>4.99</v>
      </c>
      <c r="D39" s="85">
        <v>5.8799999999999998E-2</v>
      </c>
      <c r="E39" s="188">
        <v>0.13</v>
      </c>
      <c r="F39" s="94">
        <v>1.51372390937506E-2</v>
      </c>
      <c r="G39" s="188">
        <v>0.1817</v>
      </c>
      <c r="H39" s="94">
        <v>1.7337565612587019E-2</v>
      </c>
      <c r="I39" s="188">
        <v>0.67730000000000001</v>
      </c>
      <c r="J39" s="94">
        <v>2.0997855949697764E-2</v>
      </c>
      <c r="K39" s="188">
        <v>1.0999999999999999E-2</v>
      </c>
      <c r="L39" s="94">
        <v>4.8862516158485131E-3</v>
      </c>
      <c r="M39" s="53">
        <v>1983</v>
      </c>
      <c r="N39" s="84">
        <v>5.2</v>
      </c>
      <c r="O39" s="85">
        <v>7.8399999999999997E-2</v>
      </c>
      <c r="P39" s="188">
        <v>0.1368</v>
      </c>
      <c r="Q39" s="94">
        <v>1.5452662235919977E-2</v>
      </c>
      <c r="R39" s="188">
        <v>0.14319999999999999</v>
      </c>
      <c r="S39" s="94">
        <v>1.5748769975711965E-2</v>
      </c>
      <c r="T39" s="188">
        <v>0.70199999999999996</v>
      </c>
      <c r="U39" s="94">
        <v>2.0529484289342082E-2</v>
      </c>
      <c r="V39" s="188">
        <v>1.7999999999999999E-2</v>
      </c>
      <c r="W39" s="94">
        <v>6.120815910818438E-3</v>
      </c>
    </row>
    <row r="40" spans="1:23">
      <c r="A40" s="49" t="s">
        <v>438</v>
      </c>
      <c r="B40" s="49">
        <v>99</v>
      </c>
      <c r="C40" s="170">
        <v>4.96</v>
      </c>
      <c r="D40" s="130">
        <v>0.29399999999999998</v>
      </c>
      <c r="E40" s="189">
        <v>0.16300000000000001</v>
      </c>
      <c r="F40" s="97">
        <v>7.5061298891179129E-2</v>
      </c>
      <c r="G40" s="189">
        <v>0.156</v>
      </c>
      <c r="H40" s="97">
        <v>7.3913272921285383E-2</v>
      </c>
      <c r="I40" s="189">
        <v>0.68100000000000005</v>
      </c>
      <c r="J40" s="97">
        <v>9.2376211596346389E-2</v>
      </c>
      <c r="K40" s="189">
        <v>0</v>
      </c>
      <c r="L40" s="97">
        <v>2.7192544212657866E-2</v>
      </c>
      <c r="M40" s="49">
        <v>99</v>
      </c>
      <c r="N40" s="170">
        <v>3.72</v>
      </c>
      <c r="O40" s="130">
        <v>0.41159999999999997</v>
      </c>
      <c r="P40" s="189">
        <v>0.42199999999999999</v>
      </c>
      <c r="Q40" s="97">
        <v>9.7418996589240581E-2</v>
      </c>
      <c r="R40" s="189">
        <v>0.183</v>
      </c>
      <c r="S40" s="97">
        <v>7.8124724289386438E-2</v>
      </c>
      <c r="T40" s="189">
        <v>0.38900000000000001</v>
      </c>
      <c r="U40" s="97">
        <v>9.6263672873771189E-2</v>
      </c>
      <c r="V40" s="189">
        <v>7.0000000000000001E-3</v>
      </c>
      <c r="W40" s="97">
        <v>3.144546028575939E-2</v>
      </c>
    </row>
    <row r="41" spans="1:23">
      <c r="A41" s="53" t="s">
        <v>439</v>
      </c>
      <c r="B41" s="53">
        <v>681</v>
      </c>
      <c r="C41" s="84">
        <v>4.29</v>
      </c>
      <c r="D41" s="85">
        <v>0.1176</v>
      </c>
      <c r="E41" s="188">
        <v>0.314</v>
      </c>
      <c r="F41" s="94">
        <v>3.5499099295206581E-2</v>
      </c>
      <c r="G41" s="188">
        <v>0.23200000000000001</v>
      </c>
      <c r="H41" s="94">
        <v>3.2331528200491899E-2</v>
      </c>
      <c r="I41" s="188">
        <v>0.45300000000000001</v>
      </c>
      <c r="J41" s="94">
        <v>3.804083270757605E-2</v>
      </c>
      <c r="K41" s="188">
        <v>1E-3</v>
      </c>
      <c r="L41" s="94">
        <v>4.7712950976351205E-3</v>
      </c>
      <c r="M41" s="53">
        <v>678</v>
      </c>
      <c r="N41" s="84">
        <v>3.9</v>
      </c>
      <c r="O41" s="85">
        <v>0.13720000000000002</v>
      </c>
      <c r="P41" s="188">
        <v>0.41299999999999998</v>
      </c>
      <c r="Q41" s="94">
        <v>3.7714743926088312E-2</v>
      </c>
      <c r="R41" s="188">
        <v>0.16800000000000001</v>
      </c>
      <c r="S41" s="94">
        <v>2.8763894615548197E-2</v>
      </c>
      <c r="T41" s="188">
        <v>0.39600000000000002</v>
      </c>
      <c r="U41" s="94">
        <v>3.746439183985277E-2</v>
      </c>
      <c r="V41" s="188">
        <v>2.3E-2</v>
      </c>
      <c r="W41" s="94">
        <v>1.2140945242169807E-2</v>
      </c>
    </row>
    <row r="42" spans="1:23">
      <c r="A42" s="49" t="s">
        <v>440</v>
      </c>
      <c r="B42" s="49">
        <v>292</v>
      </c>
      <c r="C42" s="170">
        <v>4.2</v>
      </c>
      <c r="D42" s="130">
        <v>0.1764</v>
      </c>
      <c r="E42" s="189">
        <v>0.35799999999999998</v>
      </c>
      <c r="F42" s="97">
        <v>5.5796116633633153E-2</v>
      </c>
      <c r="G42" s="189">
        <v>0.22700000000000001</v>
      </c>
      <c r="H42" s="97">
        <v>4.8972094533302313E-2</v>
      </c>
      <c r="I42" s="189">
        <v>0.41499999999999998</v>
      </c>
      <c r="J42" s="97">
        <v>5.7300647474827805E-2</v>
      </c>
      <c r="K42" s="189">
        <v>0</v>
      </c>
      <c r="L42" s="97">
        <v>9.5231602429016963E-3</v>
      </c>
      <c r="M42" s="49">
        <v>290</v>
      </c>
      <c r="N42" s="170">
        <v>4.01</v>
      </c>
      <c r="O42" s="130">
        <v>0.19600000000000001</v>
      </c>
      <c r="P42" s="189">
        <v>0.36299999999999999</v>
      </c>
      <c r="Q42" s="97">
        <v>5.6150701838383867E-2</v>
      </c>
      <c r="R42" s="189">
        <v>0.223</v>
      </c>
      <c r="S42" s="97">
        <v>4.8843030653250477E-2</v>
      </c>
      <c r="T42" s="189">
        <v>0.39500000000000002</v>
      </c>
      <c r="U42" s="97">
        <v>5.7056239016099054E-2</v>
      </c>
      <c r="V42" s="189">
        <v>1.9E-2</v>
      </c>
      <c r="W42" s="97">
        <v>1.8402791355051365E-2</v>
      </c>
    </row>
    <row r="43" spans="1:23">
      <c r="A43" s="53" t="s">
        <v>441</v>
      </c>
      <c r="B43" s="53">
        <v>82</v>
      </c>
      <c r="C43" s="84">
        <v>4.6500000000000004</v>
      </c>
      <c r="D43" s="85">
        <v>0.3332</v>
      </c>
      <c r="E43" s="188">
        <v>0.24099999999999999</v>
      </c>
      <c r="F43" s="94">
        <v>9.3762186700841535E-2</v>
      </c>
      <c r="G43" s="188">
        <v>0.158</v>
      </c>
      <c r="H43" s="94">
        <v>8.1743598052117783E-2</v>
      </c>
      <c r="I43" s="188">
        <v>0.60099999999999998</v>
      </c>
      <c r="J43" s="94">
        <v>0.10581375962040733</v>
      </c>
      <c r="K43" s="188">
        <v>0</v>
      </c>
      <c r="L43" s="94">
        <v>3.2504011252172456E-2</v>
      </c>
      <c r="M43" s="53">
        <v>82</v>
      </c>
      <c r="N43" s="84">
        <v>3.77</v>
      </c>
      <c r="O43" s="85">
        <v>0.43119999999999997</v>
      </c>
      <c r="P43" s="188">
        <v>0.40200000000000002</v>
      </c>
      <c r="Q43" s="94">
        <v>0.10593297984669754</v>
      </c>
      <c r="R43" s="188">
        <v>0.126</v>
      </c>
      <c r="S43" s="94">
        <v>7.5585504568579251E-2</v>
      </c>
      <c r="T43" s="188">
        <v>0.38</v>
      </c>
      <c r="U43" s="94">
        <v>0.1049713987424129</v>
      </c>
      <c r="V43" s="188">
        <v>9.2999999999999999E-2</v>
      </c>
      <c r="W43" s="94">
        <v>6.7995162481014421E-2</v>
      </c>
    </row>
    <row r="44" spans="1:23">
      <c r="A44" s="49" t="s">
        <v>442</v>
      </c>
      <c r="B44" s="49">
        <v>155</v>
      </c>
      <c r="C44" s="170">
        <v>4.55</v>
      </c>
      <c r="D44" s="130">
        <v>0.21559999999999999</v>
      </c>
      <c r="E44" s="189">
        <v>0.23599999999999999</v>
      </c>
      <c r="F44" s="97">
        <v>6.799308276574316E-2</v>
      </c>
      <c r="G44" s="189">
        <v>0.22600000000000001</v>
      </c>
      <c r="H44" s="97">
        <v>6.7040566753744951E-2</v>
      </c>
      <c r="I44" s="189">
        <v>0.53400000000000003</v>
      </c>
      <c r="J44" s="97">
        <v>7.9130722497034803E-2</v>
      </c>
      <c r="K44" s="189">
        <v>5.0000000000000001E-3</v>
      </c>
      <c r="L44" s="97">
        <v>2.0770218705730654E-2</v>
      </c>
      <c r="M44" s="49">
        <v>154</v>
      </c>
      <c r="N44" s="170">
        <v>3.9</v>
      </c>
      <c r="O44" s="130">
        <v>0.31359999999999999</v>
      </c>
      <c r="P44" s="189">
        <v>0.47599999999999998</v>
      </c>
      <c r="Q44" s="97">
        <v>7.9468614198733911E-2</v>
      </c>
      <c r="R44" s="189">
        <v>0.11899999999999999</v>
      </c>
      <c r="S44" s="97">
        <v>5.3271667496964874E-2</v>
      </c>
      <c r="T44" s="189">
        <v>0.39100000000000001</v>
      </c>
      <c r="U44" s="97">
        <v>7.7739088910803819E-2</v>
      </c>
      <c r="V44" s="189">
        <v>1.4E-2</v>
      </c>
      <c r="W44" s="97">
        <v>2.5463753194727216E-2</v>
      </c>
    </row>
    <row r="45" spans="1:23">
      <c r="A45" s="53" t="s">
        <v>443</v>
      </c>
      <c r="B45" s="53">
        <v>146</v>
      </c>
      <c r="C45" s="84">
        <v>4.0599999999999996</v>
      </c>
      <c r="D45" s="85">
        <v>0.23519999999999999</v>
      </c>
      <c r="E45" s="188">
        <v>0.33800000000000002</v>
      </c>
      <c r="F45" s="94">
        <v>7.7483248529386442E-2</v>
      </c>
      <c r="G45" s="188">
        <v>0.28100000000000003</v>
      </c>
      <c r="H45" s="94">
        <v>7.3858028568328307E-2</v>
      </c>
      <c r="I45" s="188">
        <v>0.38</v>
      </c>
      <c r="J45" s="94">
        <v>7.939063924670213E-2</v>
      </c>
      <c r="K45" s="188">
        <v>0</v>
      </c>
      <c r="L45" s="94">
        <v>1.8730051116182648E-2</v>
      </c>
      <c r="M45" s="53">
        <v>146</v>
      </c>
      <c r="N45" s="84">
        <v>3.74</v>
      </c>
      <c r="O45" s="85">
        <v>0.3332</v>
      </c>
      <c r="P45" s="188">
        <v>0.45100000000000001</v>
      </c>
      <c r="Q45" s="94">
        <v>8.1277359857967107E-2</v>
      </c>
      <c r="R45" s="188">
        <v>0.13100000000000001</v>
      </c>
      <c r="S45" s="94">
        <v>5.6804716799458366E-2</v>
      </c>
      <c r="T45" s="188">
        <v>0.41099999999999998</v>
      </c>
      <c r="U45" s="94">
        <v>8.0414894245982763E-2</v>
      </c>
      <c r="V45" s="188">
        <v>7.0000000000000001E-3</v>
      </c>
      <c r="W45" s="94">
        <v>2.2943861046120891E-2</v>
      </c>
    </row>
    <row r="46" spans="1:23">
      <c r="A46" s="49" t="s">
        <v>444</v>
      </c>
      <c r="B46" s="49">
        <v>762</v>
      </c>
      <c r="C46" s="170">
        <v>4.6100000000000003</v>
      </c>
      <c r="D46" s="130">
        <v>9.8000000000000004E-2</v>
      </c>
      <c r="E46" s="189">
        <v>0.21099999999999999</v>
      </c>
      <c r="F46" s="97">
        <v>2.9561548351150217E-2</v>
      </c>
      <c r="G46" s="189">
        <v>0.224</v>
      </c>
      <c r="H46" s="97">
        <v>3.019670019758712E-2</v>
      </c>
      <c r="I46" s="189">
        <v>0.55800000000000005</v>
      </c>
      <c r="J46" s="97">
        <v>3.5890102159833029E-2</v>
      </c>
      <c r="K46" s="189">
        <v>7.0000000000000001E-3</v>
      </c>
      <c r="L46" s="97">
        <v>7.0369198539023603E-3</v>
      </c>
      <c r="M46" s="49">
        <v>758</v>
      </c>
      <c r="N46" s="170">
        <v>3.71</v>
      </c>
      <c r="O46" s="130">
        <v>0.15679999999999999</v>
      </c>
      <c r="P46" s="189">
        <v>0.46300000000000002</v>
      </c>
      <c r="Q46" s="97">
        <v>3.6127895808321146E-2</v>
      </c>
      <c r="R46" s="189">
        <v>0.125</v>
      </c>
      <c r="S46" s="97">
        <v>2.4122119639022107E-2</v>
      </c>
      <c r="T46" s="189">
        <v>0.377</v>
      </c>
      <c r="U46" s="97">
        <v>3.5124780774338372E-2</v>
      </c>
      <c r="V46" s="189">
        <v>3.4000000000000002E-2</v>
      </c>
      <c r="W46" s="97">
        <v>1.3577399229150295E-2</v>
      </c>
    </row>
    <row r="47" spans="1:23">
      <c r="A47" s="45" t="s">
        <v>445</v>
      </c>
      <c r="B47" s="186">
        <v>551</v>
      </c>
      <c r="C47" s="84">
        <v>4.46</v>
      </c>
      <c r="D47" s="85">
        <v>0.1176</v>
      </c>
      <c r="E47" s="188">
        <v>0.23699999999999999</v>
      </c>
      <c r="F47" s="94">
        <v>3.6200088370551352E-2</v>
      </c>
      <c r="G47" s="188">
        <v>0.25900000000000001</v>
      </c>
      <c r="H47" s="94">
        <v>3.727213645691059E-2</v>
      </c>
      <c r="I47" s="188">
        <v>0.503</v>
      </c>
      <c r="J47" s="94">
        <v>4.2446882907425015E-2</v>
      </c>
      <c r="K47" s="188">
        <v>0</v>
      </c>
      <c r="L47" s="94">
        <v>5.087074342586634E-3</v>
      </c>
      <c r="M47" s="186">
        <v>548</v>
      </c>
      <c r="N47" s="84">
        <v>2.78</v>
      </c>
      <c r="O47" s="85">
        <v>0.13720000000000002</v>
      </c>
      <c r="P47" s="188">
        <v>0.64100000000000001</v>
      </c>
      <c r="Q47" s="94">
        <v>4.0860853176938598E-2</v>
      </c>
      <c r="R47" s="188">
        <v>0.128</v>
      </c>
      <c r="S47" s="94">
        <v>2.8693065702303906E-2</v>
      </c>
      <c r="T47" s="188">
        <v>0.187</v>
      </c>
      <c r="U47" s="94">
        <v>3.3345544454970781E-2</v>
      </c>
      <c r="V47" s="188">
        <v>4.4999999999999998E-2</v>
      </c>
      <c r="W47" s="94">
        <v>1.8250370542371677E-2</v>
      </c>
    </row>
    <row r="48" spans="1:23" ht="25.5">
      <c r="A48" s="49" t="s">
        <v>450</v>
      </c>
      <c r="B48" s="187">
        <v>140</v>
      </c>
      <c r="C48" s="170">
        <v>4.4400000000000004</v>
      </c>
      <c r="D48" s="130">
        <v>0.25480000000000003</v>
      </c>
      <c r="E48" s="189">
        <v>0.23300000000000001</v>
      </c>
      <c r="F48" s="97">
        <v>7.1222751720600636E-2</v>
      </c>
      <c r="G48" s="189">
        <v>0.254</v>
      </c>
      <c r="H48" s="97">
        <v>7.318152953739146E-2</v>
      </c>
      <c r="I48" s="189">
        <v>0.49099999999999999</v>
      </c>
      <c r="J48" s="97">
        <v>8.3320571939547644E-2</v>
      </c>
      <c r="K48" s="189">
        <v>2.1999999999999999E-2</v>
      </c>
      <c r="L48" s="97">
        <v>3.0746840927537898E-2</v>
      </c>
      <c r="M48" s="187">
        <v>140</v>
      </c>
      <c r="N48" s="170">
        <v>3.08</v>
      </c>
      <c r="O48" s="130">
        <v>0.29399999999999998</v>
      </c>
      <c r="P48" s="189">
        <v>0.59099999999999997</v>
      </c>
      <c r="Q48" s="97">
        <v>8.2018403404876442E-2</v>
      </c>
      <c r="R48" s="189">
        <v>0.16</v>
      </c>
      <c r="S48" s="97">
        <v>6.2524000878631039E-2</v>
      </c>
      <c r="T48" s="189">
        <v>0.19500000000000001</v>
      </c>
      <c r="U48" s="97">
        <v>6.7096795130901249E-2</v>
      </c>
      <c r="V48" s="189">
        <v>5.3999999999999999E-2</v>
      </c>
      <c r="W48" s="97">
        <v>4.1493441356231113E-2</v>
      </c>
    </row>
    <row r="49" spans="1:23">
      <c r="A49" s="53" t="s">
        <v>447</v>
      </c>
      <c r="B49" s="54">
        <v>183</v>
      </c>
      <c r="C49" s="84">
        <v>4.26</v>
      </c>
      <c r="D49" s="85">
        <v>0.1764</v>
      </c>
      <c r="E49" s="188">
        <v>0.27200000000000002</v>
      </c>
      <c r="F49" s="94">
        <v>6.5442325386776329E-2</v>
      </c>
      <c r="G49" s="188">
        <v>0.29799999999999999</v>
      </c>
      <c r="H49" s="94">
        <v>6.7169345547561946E-2</v>
      </c>
      <c r="I49" s="188">
        <v>0.43099999999999999</v>
      </c>
      <c r="J49" s="94">
        <v>7.2457326664271307E-2</v>
      </c>
      <c r="K49" s="188">
        <v>0</v>
      </c>
      <c r="L49" s="94">
        <v>1.504417746716019E-2</v>
      </c>
      <c r="M49" s="54">
        <v>182</v>
      </c>
      <c r="N49" s="84">
        <v>3.07</v>
      </c>
      <c r="O49" s="85">
        <v>0.25480000000000003</v>
      </c>
      <c r="P49" s="188">
        <v>0.57899999999999996</v>
      </c>
      <c r="Q49" s="94">
        <v>7.2441974371229151E-2</v>
      </c>
      <c r="R49" s="188">
        <v>0.151</v>
      </c>
      <c r="S49" s="94">
        <v>5.3557610829112819E-2</v>
      </c>
      <c r="T49" s="188">
        <v>0.23699999999999999</v>
      </c>
      <c r="U49" s="94">
        <v>6.286596449791268E-2</v>
      </c>
      <c r="V49" s="188">
        <v>3.2000000000000001E-2</v>
      </c>
      <c r="W49" s="94">
        <v>2.9437410406452303E-2</v>
      </c>
    </row>
    <row r="50" spans="1:23">
      <c r="A50" s="49" t="s">
        <v>446</v>
      </c>
      <c r="B50" s="187">
        <v>118</v>
      </c>
      <c r="C50" s="170">
        <v>4.09</v>
      </c>
      <c r="D50" s="130">
        <v>0.23519999999999999</v>
      </c>
      <c r="E50" s="189">
        <v>0.32500000000000001</v>
      </c>
      <c r="F50" s="97">
        <v>8.5190293348322732E-2</v>
      </c>
      <c r="G50" s="189">
        <v>0.28599999999999998</v>
      </c>
      <c r="H50" s="97">
        <v>8.2413946499304322E-2</v>
      </c>
      <c r="I50" s="189">
        <v>0.38900000000000001</v>
      </c>
      <c r="J50" s="97">
        <v>8.8424032338883241E-2</v>
      </c>
      <c r="K50" s="189">
        <v>0</v>
      </c>
      <c r="L50" s="97">
        <v>2.2993012239943496E-2</v>
      </c>
      <c r="M50" s="187">
        <v>117</v>
      </c>
      <c r="N50" s="170">
        <v>3.36</v>
      </c>
      <c r="O50" s="130">
        <v>0.31359999999999999</v>
      </c>
      <c r="P50" s="189">
        <v>0.502</v>
      </c>
      <c r="Q50" s="97">
        <v>9.0908410923188507E-2</v>
      </c>
      <c r="R50" s="189">
        <v>0.184</v>
      </c>
      <c r="S50" s="97">
        <v>7.195887824782228E-2</v>
      </c>
      <c r="T50" s="189">
        <v>0.27200000000000002</v>
      </c>
      <c r="U50" s="97">
        <v>8.159487697484627E-2</v>
      </c>
      <c r="V50" s="189">
        <v>4.2999999999999997E-2</v>
      </c>
      <c r="W50" s="97">
        <v>4.2535726806977495E-2</v>
      </c>
    </row>
    <row r="51" spans="1:23">
      <c r="A51" s="57" t="s">
        <v>451</v>
      </c>
      <c r="B51" s="186">
        <v>176</v>
      </c>
      <c r="C51" s="84">
        <v>5.13</v>
      </c>
      <c r="D51" s="85">
        <v>0.19600000000000001</v>
      </c>
      <c r="E51" s="188">
        <v>9.8000000000000004E-2</v>
      </c>
      <c r="F51" s="94">
        <v>4.6067244462260598E-2</v>
      </c>
      <c r="G51" s="188">
        <v>0.16700000000000001</v>
      </c>
      <c r="H51" s="94">
        <v>5.6565525425533419E-2</v>
      </c>
      <c r="I51" s="188">
        <v>0.72599999999999998</v>
      </c>
      <c r="J51" s="94">
        <v>6.6861186503314463E-2</v>
      </c>
      <c r="K51" s="188">
        <v>8.9999999999999993E-3</v>
      </c>
      <c r="L51" s="94">
        <v>2.0824482794928396E-2</v>
      </c>
      <c r="M51" s="186">
        <v>175</v>
      </c>
      <c r="N51" s="84">
        <v>5.37</v>
      </c>
      <c r="O51" s="85">
        <v>0.23519999999999999</v>
      </c>
      <c r="P51" s="188">
        <v>0.14000000000000001</v>
      </c>
      <c r="Q51" s="94">
        <v>5.3089460008704813E-2</v>
      </c>
      <c r="R51" s="188">
        <v>9.7000000000000003E-2</v>
      </c>
      <c r="S51" s="94">
        <v>4.6018796791932062E-2</v>
      </c>
      <c r="T51" s="188">
        <v>0.72799999999999998</v>
      </c>
      <c r="U51" s="94">
        <v>6.6904976979521497E-2</v>
      </c>
      <c r="V51" s="188">
        <v>3.5999999999999997E-2</v>
      </c>
      <c r="W51" s="94">
        <v>3.1434478222542431E-2</v>
      </c>
    </row>
    <row r="52" spans="1:23">
      <c r="A52" s="49" t="s">
        <v>448</v>
      </c>
      <c r="B52" s="187">
        <v>114</v>
      </c>
      <c r="C52" s="170">
        <v>4.99</v>
      </c>
      <c r="D52" s="130">
        <v>0.25480000000000003</v>
      </c>
      <c r="E52" s="189">
        <v>7.8E-2</v>
      </c>
      <c r="F52" s="97">
        <v>5.3293194807032804E-2</v>
      </c>
      <c r="G52" s="189">
        <v>0.27700000000000002</v>
      </c>
      <c r="H52" s="97">
        <v>8.3073443976717148E-2</v>
      </c>
      <c r="I52" s="189">
        <v>0.64500000000000002</v>
      </c>
      <c r="J52" s="97">
        <v>8.8370610960385135E-2</v>
      </c>
      <c r="K52" s="189">
        <v>0</v>
      </c>
      <c r="L52" s="97">
        <v>2.3765720057393202E-2</v>
      </c>
      <c r="M52" s="187">
        <v>114</v>
      </c>
      <c r="N52" s="170">
        <v>3.6</v>
      </c>
      <c r="O52" s="130">
        <v>0.3528</v>
      </c>
      <c r="P52" s="189">
        <v>0.48699999999999999</v>
      </c>
      <c r="Q52" s="97">
        <v>9.2028415550933038E-2</v>
      </c>
      <c r="R52" s="189">
        <v>0.15</v>
      </c>
      <c r="S52" s="97">
        <v>6.7814382904586037E-2</v>
      </c>
      <c r="T52" s="189">
        <v>0.34499999999999997</v>
      </c>
      <c r="U52" s="97">
        <v>8.7831928588957109E-2</v>
      </c>
      <c r="V52" s="189">
        <v>1.9E-2</v>
      </c>
      <c r="W52" s="97">
        <v>3.3978375843736426E-2</v>
      </c>
    </row>
    <row r="53" spans="1:23">
      <c r="A53" s="57" t="s">
        <v>449</v>
      </c>
      <c r="B53" s="186">
        <v>140</v>
      </c>
      <c r="C53" s="84">
        <v>3.87</v>
      </c>
      <c r="D53" s="85">
        <v>0.27440000000000003</v>
      </c>
      <c r="E53" s="188">
        <v>0.443</v>
      </c>
      <c r="F53" s="94">
        <v>8.2819917266244922E-2</v>
      </c>
      <c r="G53" s="188">
        <v>0.17399999999999999</v>
      </c>
      <c r="H53" s="94">
        <v>6.445201038494594E-2</v>
      </c>
      <c r="I53" s="188">
        <v>0.38300000000000001</v>
      </c>
      <c r="J53" s="94">
        <v>8.1148173372335791E-2</v>
      </c>
      <c r="K53" s="188">
        <v>0</v>
      </c>
      <c r="L53" s="94">
        <v>1.9504976326797124E-2</v>
      </c>
      <c r="M53" s="186">
        <v>138</v>
      </c>
      <c r="N53" s="84">
        <v>1.73</v>
      </c>
      <c r="O53" s="85">
        <v>0.21559999999999999</v>
      </c>
      <c r="P53" s="188">
        <v>0.88100000000000001</v>
      </c>
      <c r="Q53" s="94">
        <v>5.6394460875287974E-2</v>
      </c>
      <c r="R53" s="188">
        <v>3.5999999999999997E-2</v>
      </c>
      <c r="S53" s="94">
        <v>3.6255166185507844E-2</v>
      </c>
      <c r="T53" s="188">
        <v>6.2E-2</v>
      </c>
      <c r="U53" s="94">
        <v>4.4026843839932814E-2</v>
      </c>
      <c r="V53" s="188">
        <v>2.1000000000000001E-2</v>
      </c>
      <c r="W53" s="94">
        <v>3.0628714140919378E-2</v>
      </c>
    </row>
    <row r="61" spans="1:23" ht="18.75">
      <c r="A61" s="317" t="s">
        <v>50</v>
      </c>
      <c r="B61" s="317"/>
      <c r="C61" s="317"/>
      <c r="D61" s="317"/>
      <c r="E61" s="317"/>
      <c r="F61" s="317"/>
      <c r="G61" s="317"/>
      <c r="H61" s="317"/>
      <c r="I61" s="317"/>
      <c r="J61" s="317"/>
      <c r="K61" s="317"/>
      <c r="L61" s="317"/>
      <c r="M61" s="317"/>
      <c r="N61" s="317"/>
      <c r="O61" s="317"/>
      <c r="P61" s="317"/>
      <c r="Q61" s="317"/>
      <c r="R61" s="317"/>
      <c r="S61" s="317"/>
      <c r="T61" s="317"/>
      <c r="U61" s="317"/>
      <c r="V61" s="317"/>
      <c r="W61" s="317"/>
    </row>
    <row r="62" spans="1:23" ht="38.25" customHeight="1">
      <c r="A62" s="386" t="s">
        <v>489</v>
      </c>
      <c r="B62" s="386"/>
      <c r="C62" s="386"/>
      <c r="D62" s="386"/>
      <c r="E62" s="386"/>
      <c r="F62" s="386"/>
      <c r="G62" s="386"/>
      <c r="H62" s="386"/>
      <c r="I62" s="386"/>
      <c r="J62" s="386"/>
      <c r="K62" s="386"/>
      <c r="L62" s="386"/>
      <c r="M62" s="386"/>
      <c r="N62" s="386"/>
      <c r="O62" s="386"/>
      <c r="P62" s="386"/>
      <c r="Q62" s="386"/>
      <c r="R62" s="386"/>
      <c r="S62" s="386"/>
      <c r="T62" s="386"/>
      <c r="U62" s="386"/>
      <c r="V62" s="386"/>
      <c r="W62" s="386"/>
    </row>
    <row r="63" spans="1:23" ht="37.5" customHeight="1">
      <c r="A63" s="64"/>
      <c r="B63" s="377" t="s">
        <v>273</v>
      </c>
      <c r="C63" s="378"/>
      <c r="D63" s="378"/>
      <c r="E63" s="378"/>
      <c r="F63" s="378"/>
      <c r="G63" s="378"/>
      <c r="H63" s="378"/>
      <c r="I63" s="378"/>
      <c r="J63" s="378"/>
      <c r="K63" s="378"/>
      <c r="L63" s="379"/>
      <c r="M63" s="377" t="s">
        <v>274</v>
      </c>
      <c r="N63" s="378"/>
      <c r="O63" s="378"/>
      <c r="P63" s="378"/>
      <c r="Q63" s="378"/>
      <c r="R63" s="378"/>
      <c r="S63" s="378"/>
      <c r="T63" s="378"/>
      <c r="U63" s="378"/>
      <c r="V63" s="378"/>
      <c r="W63" s="379"/>
    </row>
    <row r="64" spans="1:23" ht="39" customHeight="1">
      <c r="A64" s="37" t="s">
        <v>85</v>
      </c>
      <c r="B64" s="38" t="s">
        <v>86</v>
      </c>
      <c r="C64" s="39" t="s">
        <v>87</v>
      </c>
      <c r="D64" s="40" t="s">
        <v>88</v>
      </c>
      <c r="E64" s="38" t="s">
        <v>368</v>
      </c>
      <c r="F64" s="89" t="s">
        <v>162</v>
      </c>
      <c r="G64" s="38" t="s">
        <v>369</v>
      </c>
      <c r="H64" s="89" t="s">
        <v>163</v>
      </c>
      <c r="I64" s="38" t="s">
        <v>370</v>
      </c>
      <c r="J64" s="89" t="s">
        <v>136</v>
      </c>
      <c r="K64" s="38" t="s">
        <v>357</v>
      </c>
      <c r="L64" s="89" t="s">
        <v>371</v>
      </c>
      <c r="M64" s="65" t="s">
        <v>86</v>
      </c>
      <c r="N64" s="66" t="s">
        <v>87</v>
      </c>
      <c r="O64" s="67" t="s">
        <v>88</v>
      </c>
      <c r="P64" s="65" t="s">
        <v>403</v>
      </c>
      <c r="Q64" s="88" t="s">
        <v>404</v>
      </c>
      <c r="R64" s="65" t="s">
        <v>405</v>
      </c>
      <c r="S64" s="88" t="s">
        <v>406</v>
      </c>
      <c r="T64" s="65" t="s">
        <v>355</v>
      </c>
      <c r="U64" s="88" t="s">
        <v>407</v>
      </c>
      <c r="V64" s="65" t="s">
        <v>357</v>
      </c>
      <c r="W64" s="88" t="s">
        <v>371</v>
      </c>
    </row>
    <row r="65" spans="1:23" ht="72">
      <c r="A65" s="41"/>
      <c r="B65" s="42" t="s">
        <v>89</v>
      </c>
      <c r="C65" s="126" t="s">
        <v>360</v>
      </c>
      <c r="D65" s="44" t="s">
        <v>91</v>
      </c>
      <c r="E65" s="42" t="s">
        <v>181</v>
      </c>
      <c r="F65" s="91" t="s">
        <v>104</v>
      </c>
      <c r="G65" s="42" t="s">
        <v>182</v>
      </c>
      <c r="H65" s="91" t="s">
        <v>104</v>
      </c>
      <c r="I65" s="42" t="s">
        <v>183</v>
      </c>
      <c r="J65" s="91" t="s">
        <v>104</v>
      </c>
      <c r="K65" s="42" t="s">
        <v>357</v>
      </c>
      <c r="L65" s="91" t="s">
        <v>104</v>
      </c>
      <c r="M65" s="68" t="s">
        <v>89</v>
      </c>
      <c r="N65" s="273" t="s">
        <v>360</v>
      </c>
      <c r="O65" s="70" t="s">
        <v>91</v>
      </c>
      <c r="P65" s="68" t="s">
        <v>181</v>
      </c>
      <c r="Q65" s="90" t="s">
        <v>104</v>
      </c>
      <c r="R65" s="68" t="s">
        <v>182</v>
      </c>
      <c r="S65" s="90" t="s">
        <v>104</v>
      </c>
      <c r="T65" s="68" t="s">
        <v>183</v>
      </c>
      <c r="U65" s="90" t="s">
        <v>104</v>
      </c>
      <c r="V65" s="68" t="s">
        <v>357</v>
      </c>
      <c r="W65" s="90" t="s">
        <v>104</v>
      </c>
    </row>
    <row r="66" spans="1:23">
      <c r="A66" s="45" t="s">
        <v>435</v>
      </c>
      <c r="B66" s="186">
        <v>10974</v>
      </c>
      <c r="C66" s="84">
        <v>5.05</v>
      </c>
      <c r="D66" s="85">
        <v>3.9199999999999999E-2</v>
      </c>
      <c r="E66" s="188">
        <v>0.17299999999999999</v>
      </c>
      <c r="F66" s="94">
        <v>7.2220817888584603E-3</v>
      </c>
      <c r="G66" s="188">
        <v>0.15</v>
      </c>
      <c r="H66" s="94">
        <v>6.8182893901301313E-3</v>
      </c>
      <c r="I66" s="188">
        <v>0.66600000000000004</v>
      </c>
      <c r="J66" s="94">
        <v>9.0032296634387169E-3</v>
      </c>
      <c r="K66" s="188">
        <v>1.2E-2</v>
      </c>
      <c r="L66" s="94">
        <v>2.0935935476015023E-3</v>
      </c>
      <c r="M66" s="186">
        <v>11021</v>
      </c>
      <c r="N66" s="84">
        <v>3.66</v>
      </c>
      <c r="O66" s="85">
        <v>3.9199999999999999E-2</v>
      </c>
      <c r="P66" s="188">
        <v>0.16900000000000001</v>
      </c>
      <c r="Q66" s="94">
        <v>7.140151503402874E-3</v>
      </c>
      <c r="R66" s="188">
        <v>0.34299999999999997</v>
      </c>
      <c r="S66" s="94">
        <v>9.0424824045543337E-3</v>
      </c>
      <c r="T66" s="188">
        <v>0.46899999999999997</v>
      </c>
      <c r="U66" s="94">
        <v>9.5055004426834646E-3</v>
      </c>
      <c r="V66" s="188">
        <v>1.9E-2</v>
      </c>
      <c r="W66" s="94">
        <v>2.6121537351062162E-3</v>
      </c>
    </row>
    <row r="67" spans="1:23">
      <c r="A67" s="49" t="s">
        <v>436</v>
      </c>
      <c r="B67" s="49">
        <v>8828</v>
      </c>
      <c r="C67" s="170">
        <v>4.8899999999999997</v>
      </c>
      <c r="D67" s="130">
        <v>3.9199999999999999E-2</v>
      </c>
      <c r="E67" s="189">
        <v>0.20799999999999999</v>
      </c>
      <c r="F67" s="97">
        <v>8.6396565869103596E-3</v>
      </c>
      <c r="G67" s="189">
        <v>0.16</v>
      </c>
      <c r="H67" s="97">
        <v>7.8049328985811709E-3</v>
      </c>
      <c r="I67" s="189">
        <v>0.625</v>
      </c>
      <c r="J67" s="97">
        <v>1.0303130897152412E-2</v>
      </c>
      <c r="K67" s="189">
        <v>7.0000000000000001E-3</v>
      </c>
      <c r="L67" s="97">
        <v>1.8021604418710663E-3</v>
      </c>
      <c r="M67" s="49">
        <v>8875</v>
      </c>
      <c r="N67" s="170">
        <v>3.64</v>
      </c>
      <c r="O67" s="130">
        <v>3.9199999999999999E-2</v>
      </c>
      <c r="P67" s="189">
        <v>0.18</v>
      </c>
      <c r="Q67" s="97">
        <v>8.1569313846374756E-3</v>
      </c>
      <c r="R67" s="189">
        <v>0.31899999999999995</v>
      </c>
      <c r="S67" s="97">
        <v>9.8934180736553867E-3</v>
      </c>
      <c r="T67" s="189">
        <v>0.495</v>
      </c>
      <c r="U67" s="97">
        <v>1.0611976406735786E-2</v>
      </c>
      <c r="V67" s="189">
        <v>7.0000000000000001E-3</v>
      </c>
      <c r="W67" s="97">
        <v>1.797238361110935E-3</v>
      </c>
    </row>
    <row r="68" spans="1:23">
      <c r="A68" s="53" t="s">
        <v>437</v>
      </c>
      <c r="B68" s="53">
        <v>1981</v>
      </c>
      <c r="C68" s="84">
        <v>5.38</v>
      </c>
      <c r="D68" s="85">
        <v>5.8799999999999998E-2</v>
      </c>
      <c r="E68" s="188">
        <v>0.1065</v>
      </c>
      <c r="F68" s="94">
        <v>1.3892800854297369E-2</v>
      </c>
      <c r="G68" s="188">
        <v>0.13109999999999999</v>
      </c>
      <c r="H68" s="94">
        <v>1.5187207907680907E-2</v>
      </c>
      <c r="I68" s="188">
        <v>0.74199999999999999</v>
      </c>
      <c r="J68" s="94">
        <v>1.96529992525457E-2</v>
      </c>
      <c r="K68" s="188">
        <v>2.0400000000000001E-2</v>
      </c>
      <c r="L68" s="94">
        <v>6.4912144846174221E-3</v>
      </c>
      <c r="M68" s="53">
        <v>1984</v>
      </c>
      <c r="N68" s="84">
        <v>3.65</v>
      </c>
      <c r="O68" s="85">
        <v>7.8399999999999997E-2</v>
      </c>
      <c r="P68" s="188">
        <v>0.15229999999999999</v>
      </c>
      <c r="Q68" s="94">
        <v>1.6147628833673031E-2</v>
      </c>
      <c r="R68" s="188">
        <v>0.36819999999999997</v>
      </c>
      <c r="S68" s="94">
        <v>2.163807816512426E-2</v>
      </c>
      <c r="T68" s="188">
        <v>0.44189999999999996</v>
      </c>
      <c r="U68" s="94">
        <v>2.2276746647629256E-2</v>
      </c>
      <c r="V68" s="188">
        <v>3.7499999999999999E-2</v>
      </c>
      <c r="W68" s="94">
        <v>8.6228457202624908E-3</v>
      </c>
    </row>
    <row r="69" spans="1:23">
      <c r="A69" s="49" t="s">
        <v>438</v>
      </c>
      <c r="B69" s="49">
        <v>99</v>
      </c>
      <c r="C69" s="170">
        <v>4.34</v>
      </c>
      <c r="D69" s="130">
        <v>0.3528</v>
      </c>
      <c r="E69" s="189">
        <v>0.29299999999999998</v>
      </c>
      <c r="F69" s="97">
        <v>9.0395990718406191E-2</v>
      </c>
      <c r="G69" s="189">
        <v>0.189</v>
      </c>
      <c r="H69" s="97">
        <v>7.8985175103860425E-2</v>
      </c>
      <c r="I69" s="189">
        <v>0.51100000000000001</v>
      </c>
      <c r="J69" s="97">
        <v>9.8510896459378869E-2</v>
      </c>
      <c r="K69" s="189">
        <v>7.0000000000000001E-3</v>
      </c>
      <c r="L69" s="97">
        <v>3.144546028575939E-2</v>
      </c>
      <c r="M69" s="49">
        <v>99</v>
      </c>
      <c r="N69" s="170">
        <v>4.75</v>
      </c>
      <c r="O69" s="130">
        <v>0.3332</v>
      </c>
      <c r="P69" s="189">
        <v>0.373</v>
      </c>
      <c r="Q69" s="97">
        <v>9.5551422206626824E-2</v>
      </c>
      <c r="R69" s="189">
        <v>0.42000000000000004</v>
      </c>
      <c r="S69" s="97">
        <v>9.7360791373903022E-2</v>
      </c>
      <c r="T69" s="189">
        <v>0.20799999999999999</v>
      </c>
      <c r="U69" s="97">
        <v>8.1545711858778056E-2</v>
      </c>
      <c r="V69" s="189">
        <v>0</v>
      </c>
      <c r="W69" s="97">
        <v>2.7192544212657866E-2</v>
      </c>
    </row>
    <row r="70" spans="1:23">
      <c r="A70" s="53" t="s">
        <v>439</v>
      </c>
      <c r="B70" s="53">
        <v>677</v>
      </c>
      <c r="C70" s="84">
        <v>4.7</v>
      </c>
      <c r="D70" s="85">
        <v>0.13720000000000002</v>
      </c>
      <c r="E70" s="188">
        <v>0.252</v>
      </c>
      <c r="F70" s="94">
        <v>3.3337714134699784E-2</v>
      </c>
      <c r="G70" s="188">
        <v>0.16600000000000001</v>
      </c>
      <c r="H70" s="94">
        <v>2.8650575778503794E-2</v>
      </c>
      <c r="I70" s="188">
        <v>0.56799999999999995</v>
      </c>
      <c r="J70" s="94">
        <v>3.7968234701209733E-2</v>
      </c>
      <c r="K70" s="188">
        <v>1.2999999999999999E-2</v>
      </c>
      <c r="L70" s="94">
        <v>9.5750973598070221E-3</v>
      </c>
      <c r="M70" s="53">
        <v>684</v>
      </c>
      <c r="N70" s="84">
        <v>3.68</v>
      </c>
      <c r="O70" s="85">
        <v>0.13720000000000002</v>
      </c>
      <c r="P70" s="188">
        <v>0.17199999999999999</v>
      </c>
      <c r="Q70" s="94">
        <v>2.8900726250619971E-2</v>
      </c>
      <c r="R70" s="188">
        <v>0.33100000000000002</v>
      </c>
      <c r="S70" s="94">
        <v>3.5907677098315494E-2</v>
      </c>
      <c r="T70" s="188">
        <v>0.47599999999999998</v>
      </c>
      <c r="U70" s="94">
        <v>3.8081207460553178E-2</v>
      </c>
      <c r="V70" s="188">
        <v>0.02</v>
      </c>
      <c r="W70" s="94">
        <v>1.1379112283481032E-2</v>
      </c>
    </row>
    <row r="71" spans="1:23">
      <c r="A71" s="49" t="s">
        <v>440</v>
      </c>
      <c r="B71" s="49">
        <v>288</v>
      </c>
      <c r="C71" s="170">
        <v>4.5199999999999996</v>
      </c>
      <c r="D71" s="130">
        <v>0.19600000000000001</v>
      </c>
      <c r="E71" s="189">
        <v>0.28999999999999998</v>
      </c>
      <c r="F71" s="97">
        <v>5.3263360109885464E-2</v>
      </c>
      <c r="G71" s="189">
        <v>0.16200000000000001</v>
      </c>
      <c r="H71" s="97">
        <v>4.3614835736928842E-2</v>
      </c>
      <c r="I71" s="189">
        <v>0.53700000000000003</v>
      </c>
      <c r="J71" s="97">
        <v>5.8364495910776089E-2</v>
      </c>
      <c r="K71" s="189">
        <v>0.01</v>
      </c>
      <c r="L71" s="97">
        <v>1.500366477345738E-2</v>
      </c>
      <c r="M71" s="49">
        <v>292</v>
      </c>
      <c r="N71" s="170">
        <v>3.58</v>
      </c>
      <c r="O71" s="130">
        <v>0.21559999999999999</v>
      </c>
      <c r="P71" s="189">
        <v>0.17499999999999999</v>
      </c>
      <c r="Q71" s="97">
        <v>4.4601908972498883E-2</v>
      </c>
      <c r="R71" s="189">
        <v>0.28900000000000003</v>
      </c>
      <c r="S71" s="97">
        <v>5.2847836139923283E-2</v>
      </c>
      <c r="T71" s="189">
        <v>0.52100000000000002</v>
      </c>
      <c r="U71" s="97">
        <v>5.8073908918754767E-2</v>
      </c>
      <c r="V71" s="189">
        <v>1.6E-2</v>
      </c>
      <c r="W71" s="97">
        <v>1.7255028476908685E-2</v>
      </c>
    </row>
    <row r="72" spans="1:23">
      <c r="A72" s="53" t="s">
        <v>441</v>
      </c>
      <c r="B72" s="53">
        <v>82</v>
      </c>
      <c r="C72" s="84">
        <v>5.36</v>
      </c>
      <c r="D72" s="85">
        <v>0.37240000000000001</v>
      </c>
      <c r="E72" s="188">
        <v>0.14000000000000001</v>
      </c>
      <c r="F72" s="94">
        <v>7.8407239279892599E-2</v>
      </c>
      <c r="G72" s="188">
        <v>0.10199999999999999</v>
      </c>
      <c r="H72" s="94">
        <v>7.0211830794700017E-2</v>
      </c>
      <c r="I72" s="188">
        <v>0.747</v>
      </c>
      <c r="J72" s="94">
        <v>9.512153135089764E-2</v>
      </c>
      <c r="K72" s="188">
        <v>0.01</v>
      </c>
      <c r="L72" s="94">
        <v>3.8407525801073962E-2</v>
      </c>
      <c r="M72" s="53">
        <v>83</v>
      </c>
      <c r="N72" s="84">
        <v>3.48</v>
      </c>
      <c r="O72" s="85">
        <v>0.43119999999999997</v>
      </c>
      <c r="P72" s="188">
        <v>0.14899999999999999</v>
      </c>
      <c r="Q72" s="94">
        <v>7.9616146565487309E-2</v>
      </c>
      <c r="R72" s="188">
        <v>0.36799999999999999</v>
      </c>
      <c r="S72" s="94">
        <v>0.10375509948505725</v>
      </c>
      <c r="T72" s="188">
        <v>0.41600000000000004</v>
      </c>
      <c r="U72" s="94">
        <v>0.10582525435928548</v>
      </c>
      <c r="V72" s="188">
        <v>6.7000000000000004E-2</v>
      </c>
      <c r="W72" s="94">
        <v>6.0402876357433966E-2</v>
      </c>
    </row>
    <row r="73" spans="1:23">
      <c r="A73" s="49" t="s">
        <v>442</v>
      </c>
      <c r="B73" s="49">
        <v>155</v>
      </c>
      <c r="C73" s="170">
        <v>4.83</v>
      </c>
      <c r="D73" s="130">
        <v>0.27440000000000003</v>
      </c>
      <c r="E73" s="189">
        <v>0.193</v>
      </c>
      <c r="F73" s="97">
        <v>6.3530003636972518E-2</v>
      </c>
      <c r="G73" s="189">
        <v>0.19400000000000001</v>
      </c>
      <c r="H73" s="97">
        <v>6.364524009751836E-2</v>
      </c>
      <c r="I73" s="189">
        <v>0.58299999999999996</v>
      </c>
      <c r="J73" s="97">
        <v>7.8259888984403808E-2</v>
      </c>
      <c r="K73" s="189">
        <v>2.9000000000000001E-2</v>
      </c>
      <c r="L73" s="97">
        <v>3.1395393316027392E-2</v>
      </c>
      <c r="M73" s="49">
        <v>156</v>
      </c>
      <c r="N73" s="170">
        <v>3.92</v>
      </c>
      <c r="O73" s="130">
        <v>0.27440000000000003</v>
      </c>
      <c r="P73" s="189">
        <v>0.16500000000000001</v>
      </c>
      <c r="Q73" s="97">
        <v>5.9857353218923735E-2</v>
      </c>
      <c r="R73" s="189">
        <v>0.4</v>
      </c>
      <c r="S73" s="97">
        <v>7.7539304549370316E-2</v>
      </c>
      <c r="T73" s="189">
        <v>0.42100000000000004</v>
      </c>
      <c r="U73" s="97">
        <v>7.8113243015349193E-2</v>
      </c>
      <c r="V73" s="189">
        <v>1.4999999999999999E-2</v>
      </c>
      <c r="W73" s="97">
        <v>2.5685226480897536E-2</v>
      </c>
    </row>
    <row r="74" spans="1:23">
      <c r="A74" s="53" t="s">
        <v>443</v>
      </c>
      <c r="B74" s="53">
        <v>146</v>
      </c>
      <c r="C74" s="84">
        <v>4.5999999999999996</v>
      </c>
      <c r="D74" s="85">
        <v>0.31359999999999999</v>
      </c>
      <c r="E74" s="188">
        <v>0.28699999999999998</v>
      </c>
      <c r="F74" s="94">
        <v>7.4300007644683322E-2</v>
      </c>
      <c r="G74" s="188">
        <v>0.17199999999999999</v>
      </c>
      <c r="H74" s="94">
        <v>6.2838907089065033E-2</v>
      </c>
      <c r="I74" s="188">
        <v>0.53600000000000003</v>
      </c>
      <c r="J74" s="94">
        <v>8.1448912151523958E-2</v>
      </c>
      <c r="K74" s="188">
        <v>5.0000000000000001E-3</v>
      </c>
      <c r="L74" s="94">
        <v>2.1828886061058331E-2</v>
      </c>
      <c r="M74" s="53">
        <v>147</v>
      </c>
      <c r="N74" s="84">
        <v>3.69</v>
      </c>
      <c r="O74" s="85">
        <v>0.29399999999999998</v>
      </c>
      <c r="P74" s="188">
        <v>0.185</v>
      </c>
      <c r="Q74" s="94">
        <v>6.427637451652507E-2</v>
      </c>
      <c r="R74" s="188">
        <v>0.32700000000000001</v>
      </c>
      <c r="S74" s="94">
        <v>7.6623382819182129E-2</v>
      </c>
      <c r="T74" s="188">
        <v>0.47200000000000003</v>
      </c>
      <c r="U74" s="94">
        <v>8.1257824690577046E-2</v>
      </c>
      <c r="V74" s="188">
        <v>1.4999999999999999E-2</v>
      </c>
      <c r="W74" s="94">
        <v>2.6779545777467856E-2</v>
      </c>
    </row>
    <row r="75" spans="1:23">
      <c r="A75" s="49" t="s">
        <v>444</v>
      </c>
      <c r="B75" s="49">
        <v>763</v>
      </c>
      <c r="C75" s="170">
        <v>4.8899999999999997</v>
      </c>
      <c r="D75" s="130">
        <v>0.13720000000000002</v>
      </c>
      <c r="E75" s="189">
        <v>0.19800000000000001</v>
      </c>
      <c r="F75" s="97">
        <v>2.8863279729955213E-2</v>
      </c>
      <c r="G75" s="189">
        <v>0.159</v>
      </c>
      <c r="H75" s="97">
        <v>2.6526774457735925E-2</v>
      </c>
      <c r="I75" s="189">
        <v>0.63200000000000001</v>
      </c>
      <c r="J75" s="97">
        <v>3.4840464324553927E-2</v>
      </c>
      <c r="K75" s="189">
        <v>1.0999999999999999E-2</v>
      </c>
      <c r="L75" s="97">
        <v>8.3491562915600174E-3</v>
      </c>
      <c r="M75" s="49">
        <v>767</v>
      </c>
      <c r="N75" s="170">
        <v>3.77</v>
      </c>
      <c r="O75" s="130">
        <v>0.13720000000000002</v>
      </c>
      <c r="P75" s="189">
        <v>0.17899999999999999</v>
      </c>
      <c r="Q75" s="97">
        <v>2.7712194552136866E-2</v>
      </c>
      <c r="R75" s="189">
        <v>0.374</v>
      </c>
      <c r="S75" s="97">
        <v>3.486407210477712E-2</v>
      </c>
      <c r="T75" s="189">
        <v>0.433</v>
      </c>
      <c r="U75" s="97">
        <v>3.5692697458253701E-2</v>
      </c>
      <c r="V75" s="189">
        <v>1.4E-2</v>
      </c>
      <c r="W75" s="97">
        <v>9.1813955277377096E-3</v>
      </c>
    </row>
    <row r="76" spans="1:23">
      <c r="A76" s="45" t="s">
        <v>445</v>
      </c>
      <c r="B76" s="186">
        <v>553</v>
      </c>
      <c r="C76" s="84">
        <v>4.6500000000000004</v>
      </c>
      <c r="D76" s="85">
        <v>0.15679999999999999</v>
      </c>
      <c r="E76" s="188">
        <v>0.22900000000000001</v>
      </c>
      <c r="F76" s="94">
        <v>3.5713805590992138E-2</v>
      </c>
      <c r="G76" s="188">
        <v>0.16400000000000001</v>
      </c>
      <c r="H76" s="94">
        <v>3.1562501251505171E-2</v>
      </c>
      <c r="I76" s="188">
        <v>0.60199999999999998</v>
      </c>
      <c r="J76" s="94">
        <v>4.1493214390604577E-2</v>
      </c>
      <c r="K76" s="188">
        <v>5.0000000000000001E-3</v>
      </c>
      <c r="L76" s="94">
        <v>7.8044197541360383E-3</v>
      </c>
      <c r="M76" s="186">
        <v>556</v>
      </c>
      <c r="N76" s="84">
        <v>3.57</v>
      </c>
      <c r="O76" s="85">
        <v>0.15679999999999999</v>
      </c>
      <c r="P76" s="188">
        <v>0.156</v>
      </c>
      <c r="Q76" s="94">
        <v>3.0862422450830519E-2</v>
      </c>
      <c r="R76" s="188">
        <v>0.33599999999999997</v>
      </c>
      <c r="S76" s="94">
        <v>3.9954157331204561E-2</v>
      </c>
      <c r="T76" s="188">
        <v>0.503</v>
      </c>
      <c r="U76" s="94">
        <v>4.2256962918405097E-2</v>
      </c>
      <c r="V76" s="188">
        <v>4.0000000000000001E-3</v>
      </c>
      <c r="W76" s="94">
        <v>7.3123977155139909E-3</v>
      </c>
    </row>
    <row r="77" spans="1:23" ht="25.5">
      <c r="A77" s="49" t="s">
        <v>450</v>
      </c>
      <c r="B77" s="187">
        <v>140</v>
      </c>
      <c r="C77" s="170">
        <v>4.54</v>
      </c>
      <c r="D77" s="130">
        <v>0.31359999999999999</v>
      </c>
      <c r="E77" s="189">
        <v>0.23499999999999999</v>
      </c>
      <c r="F77" s="97">
        <v>7.1418602255391803E-2</v>
      </c>
      <c r="G77" s="189">
        <v>0.245</v>
      </c>
      <c r="H77" s="97">
        <v>7.2368141852937704E-2</v>
      </c>
      <c r="I77" s="189">
        <v>0.51300000000000001</v>
      </c>
      <c r="J77" s="97">
        <v>8.3306705493691319E-2</v>
      </c>
      <c r="K77" s="189">
        <v>7.0000000000000001E-3</v>
      </c>
      <c r="L77" s="97">
        <v>2.3726558263766278E-2</v>
      </c>
      <c r="M77" s="187">
        <v>140</v>
      </c>
      <c r="N77" s="170">
        <v>4.28</v>
      </c>
      <c r="O77" s="130">
        <v>0.29399999999999998</v>
      </c>
      <c r="P77" s="189">
        <v>0.215</v>
      </c>
      <c r="Q77" s="97">
        <v>6.9367144477949297E-2</v>
      </c>
      <c r="R77" s="189">
        <v>0.48299999999999998</v>
      </c>
      <c r="S77" s="97">
        <v>8.3287792983413905E-2</v>
      </c>
      <c r="T77" s="189">
        <v>0.28000000000000003</v>
      </c>
      <c r="U77" s="97">
        <v>7.5323661475343362E-2</v>
      </c>
      <c r="V77" s="189">
        <v>2.1999999999999999E-2</v>
      </c>
      <c r="W77" s="97">
        <v>3.0746840927537898E-2</v>
      </c>
    </row>
    <row r="78" spans="1:23">
      <c r="A78" s="53" t="s">
        <v>447</v>
      </c>
      <c r="B78" s="54">
        <v>183</v>
      </c>
      <c r="C78" s="84">
        <v>5.45</v>
      </c>
      <c r="D78" s="85">
        <v>0.23519999999999999</v>
      </c>
      <c r="E78" s="188">
        <v>0.10100000000000001</v>
      </c>
      <c r="F78" s="94">
        <v>4.5676588241483664E-2</v>
      </c>
      <c r="G78" s="188">
        <v>7.0000000000000007E-2</v>
      </c>
      <c r="H78" s="94">
        <v>3.9495632949284605E-2</v>
      </c>
      <c r="I78" s="188">
        <v>0.82899999999999996</v>
      </c>
      <c r="J78" s="94">
        <v>5.5948812654484849E-2</v>
      </c>
      <c r="K78" s="188">
        <v>0</v>
      </c>
      <c r="L78" s="94">
        <v>1.504417746716019E-2</v>
      </c>
      <c r="M78" s="54">
        <v>184</v>
      </c>
      <c r="N78" s="84">
        <v>3.11</v>
      </c>
      <c r="O78" s="85">
        <v>0.23519999999999999</v>
      </c>
      <c r="P78" s="188">
        <v>7.6999999999999999E-2</v>
      </c>
      <c r="Q78" s="94">
        <v>4.089529963106877E-2</v>
      </c>
      <c r="R78" s="188">
        <v>0.34899999999999998</v>
      </c>
      <c r="S78" s="94">
        <v>6.9673850135035562E-2</v>
      </c>
      <c r="T78" s="188">
        <v>0.56499999999999995</v>
      </c>
      <c r="U78" s="94">
        <v>7.2339753145758079E-2</v>
      </c>
      <c r="V78" s="188">
        <v>8.0000000000000002E-3</v>
      </c>
      <c r="W78" s="94">
        <v>1.9638766990635537E-2</v>
      </c>
    </row>
    <row r="79" spans="1:23">
      <c r="A79" s="49" t="s">
        <v>446</v>
      </c>
      <c r="B79" s="187">
        <v>118</v>
      </c>
      <c r="C79" s="170">
        <v>5.85</v>
      </c>
      <c r="D79" s="130">
        <v>0.21559999999999999</v>
      </c>
      <c r="E79" s="189">
        <v>0.02</v>
      </c>
      <c r="F79" s="97">
        <v>3.3613288436503116E-2</v>
      </c>
      <c r="G79" s="189">
        <v>6.5000000000000002E-2</v>
      </c>
      <c r="H79" s="97">
        <v>4.8916048410937607E-2</v>
      </c>
      <c r="I79" s="189">
        <v>0.91400000000000003</v>
      </c>
      <c r="J79" s="97">
        <v>5.421839102469312E-2</v>
      </c>
      <c r="K79" s="189">
        <v>0</v>
      </c>
      <c r="L79" s="97">
        <v>2.2993012239943496E-2</v>
      </c>
      <c r="M79" s="187">
        <v>118</v>
      </c>
      <c r="N79" s="170">
        <v>2.93</v>
      </c>
      <c r="O79" s="130">
        <v>0.29399999999999998</v>
      </c>
      <c r="P79" s="189">
        <v>5.1999999999999998E-2</v>
      </c>
      <c r="Q79" s="97">
        <v>4.5174040593530432E-2</v>
      </c>
      <c r="R79" s="189">
        <v>0.34699999999999998</v>
      </c>
      <c r="S79" s="97">
        <v>8.647957253163778E-2</v>
      </c>
      <c r="T79" s="189">
        <v>0.59000000000000008</v>
      </c>
      <c r="U79" s="97">
        <v>8.9153108347427068E-2</v>
      </c>
      <c r="V79" s="189">
        <v>1.0999999999999999E-2</v>
      </c>
      <c r="W79" s="97">
        <v>2.9365986412555362E-2</v>
      </c>
    </row>
    <row r="80" spans="1:23">
      <c r="A80" s="57" t="s">
        <v>451</v>
      </c>
      <c r="B80" s="186">
        <v>175</v>
      </c>
      <c r="C80" s="84">
        <v>5.32</v>
      </c>
      <c r="D80" s="85">
        <v>0.21559999999999999</v>
      </c>
      <c r="E80" s="188">
        <v>0.14299999999999999</v>
      </c>
      <c r="F80" s="94">
        <v>5.3520403196633384E-2</v>
      </c>
      <c r="G80" s="188">
        <v>9.6000000000000002E-2</v>
      </c>
      <c r="H80" s="94">
        <v>4.5831136804104645E-2</v>
      </c>
      <c r="I80" s="188">
        <v>0.73699999999999999</v>
      </c>
      <c r="J80" s="94">
        <v>6.6233596734931288E-2</v>
      </c>
      <c r="K80" s="188">
        <v>2.3E-2</v>
      </c>
      <c r="L80" s="94">
        <v>2.6960046967532493E-2</v>
      </c>
      <c r="M80" s="186">
        <v>176</v>
      </c>
      <c r="N80" s="84">
        <v>3.83</v>
      </c>
      <c r="O80" s="85">
        <v>0.25480000000000003</v>
      </c>
      <c r="P80" s="188">
        <v>0.17899999999999999</v>
      </c>
      <c r="Q80" s="94">
        <v>5.8020631494429167E-2</v>
      </c>
      <c r="R80" s="188">
        <v>0.42000000000000004</v>
      </c>
      <c r="S80" s="94">
        <v>7.3617824524985082E-2</v>
      </c>
      <c r="T80" s="188">
        <v>0.379</v>
      </c>
      <c r="U80" s="94">
        <v>7.2418917262711338E-2</v>
      </c>
      <c r="V80" s="188">
        <v>2.1000000000000001E-2</v>
      </c>
      <c r="W80" s="94">
        <v>2.6095156460005247E-2</v>
      </c>
    </row>
    <row r="81" spans="1:32">
      <c r="A81" s="49" t="s">
        <v>448</v>
      </c>
      <c r="B81" s="187">
        <v>115</v>
      </c>
      <c r="C81" s="170">
        <v>4.99</v>
      </c>
      <c r="D81" s="130">
        <v>0.31359999999999999</v>
      </c>
      <c r="E81" s="189">
        <v>0.14000000000000001</v>
      </c>
      <c r="F81" s="97">
        <v>6.5840697665513481E-2</v>
      </c>
      <c r="G81" s="189">
        <v>0.251</v>
      </c>
      <c r="H81" s="97">
        <v>8.0355738846138267E-2</v>
      </c>
      <c r="I81" s="189">
        <v>0.6</v>
      </c>
      <c r="J81" s="97">
        <v>8.9941338542624705E-2</v>
      </c>
      <c r="K81" s="189">
        <v>8.9999999999999993E-3</v>
      </c>
      <c r="L81" s="97">
        <v>2.8903628557240348E-2</v>
      </c>
      <c r="M81" s="187">
        <v>116</v>
      </c>
      <c r="N81" s="170">
        <v>3.5</v>
      </c>
      <c r="O81" s="130">
        <v>0.3528</v>
      </c>
      <c r="P81" s="189">
        <v>0.16400000000000001</v>
      </c>
      <c r="Q81" s="97">
        <v>6.9403400493059417E-2</v>
      </c>
      <c r="R81" s="189">
        <v>0.221</v>
      </c>
      <c r="S81" s="97">
        <v>7.6868266100734536E-2</v>
      </c>
      <c r="T81" s="189">
        <v>0.60699999999999998</v>
      </c>
      <c r="U81" s="97">
        <v>8.9312474969542671E-2</v>
      </c>
      <c r="V81" s="189">
        <v>8.9999999999999993E-3</v>
      </c>
      <c r="W81" s="97">
        <v>2.8707257438313913E-2</v>
      </c>
    </row>
    <row r="82" spans="1:32">
      <c r="A82" s="57" t="s">
        <v>449</v>
      </c>
      <c r="B82" s="186">
        <v>141</v>
      </c>
      <c r="C82" s="84">
        <v>3.64</v>
      </c>
      <c r="D82" s="85">
        <v>0.29399999999999998</v>
      </c>
      <c r="E82" s="188">
        <v>0.439</v>
      </c>
      <c r="F82" s="94">
        <v>8.2459012158835596E-2</v>
      </c>
      <c r="G82" s="188">
        <v>0.16300000000000001</v>
      </c>
      <c r="H82" s="94">
        <v>6.2722255850553785E-2</v>
      </c>
      <c r="I82" s="188">
        <v>0.38800000000000001</v>
      </c>
      <c r="J82" s="94">
        <v>8.1051458629183476E-2</v>
      </c>
      <c r="K82" s="188">
        <v>0.01</v>
      </c>
      <c r="L82" s="94">
        <v>2.5169319439084809E-2</v>
      </c>
      <c r="M82" s="186">
        <v>142</v>
      </c>
      <c r="N82" s="84">
        <v>3.83</v>
      </c>
      <c r="O82" s="85">
        <v>0.31359999999999999</v>
      </c>
      <c r="P82" s="188">
        <v>0.252</v>
      </c>
      <c r="Q82" s="94">
        <v>7.2493725128985012E-2</v>
      </c>
      <c r="R82" s="188">
        <v>0.29199999999999998</v>
      </c>
      <c r="S82" s="94">
        <v>7.5683941901081297E-2</v>
      </c>
      <c r="T82" s="188">
        <v>0.45499999999999996</v>
      </c>
      <c r="U82" s="94">
        <v>8.2442913236915882E-2</v>
      </c>
      <c r="V82" s="188">
        <v>0</v>
      </c>
      <c r="W82" s="94">
        <v>1.9239640634980366E-2</v>
      </c>
    </row>
    <row r="90" spans="1:32" ht="18.75">
      <c r="A90" s="325" t="s">
        <v>275</v>
      </c>
      <c r="B90" s="325"/>
      <c r="C90" s="325"/>
      <c r="D90" s="325"/>
      <c r="E90" s="325"/>
      <c r="F90" s="325"/>
      <c r="G90" s="325"/>
      <c r="H90" s="325"/>
      <c r="I90" s="325"/>
      <c r="J90" s="325"/>
      <c r="K90" s="325"/>
      <c r="L90" s="325"/>
      <c r="M90" s="227"/>
      <c r="N90" s="227"/>
      <c r="O90" s="227"/>
      <c r="P90" s="257"/>
      <c r="Q90" s="257"/>
      <c r="R90" s="257"/>
      <c r="S90" s="257"/>
      <c r="T90" s="257"/>
      <c r="U90" s="257"/>
      <c r="V90" s="257"/>
      <c r="W90" s="257"/>
      <c r="X90" s="257"/>
      <c r="Y90" s="257"/>
      <c r="Z90" s="257"/>
      <c r="AA90" s="257"/>
      <c r="AB90" s="257"/>
    </row>
    <row r="91" spans="1:32" ht="36.75" customHeight="1">
      <c r="A91" s="386" t="s">
        <v>490</v>
      </c>
      <c r="B91" s="386"/>
      <c r="C91" s="386"/>
      <c r="D91" s="386"/>
      <c r="E91" s="386"/>
      <c r="F91" s="386"/>
      <c r="G91" s="386"/>
      <c r="H91" s="386"/>
      <c r="I91" s="386"/>
      <c r="J91" s="386"/>
      <c r="K91" s="386"/>
      <c r="L91" s="386"/>
      <c r="M91" s="240"/>
      <c r="N91" s="240"/>
      <c r="O91" s="240"/>
      <c r="P91" s="257"/>
      <c r="Q91" s="257"/>
      <c r="R91" s="257"/>
      <c r="S91" s="257"/>
      <c r="T91" s="257"/>
      <c r="U91" s="257"/>
      <c r="V91" s="257"/>
      <c r="W91" s="257"/>
      <c r="X91" s="257"/>
      <c r="Y91" s="257"/>
      <c r="Z91" s="257"/>
      <c r="AA91" s="257"/>
      <c r="AB91" s="257"/>
    </row>
    <row r="92" spans="1:32" ht="36" customHeight="1">
      <c r="A92" s="64"/>
      <c r="B92" s="377" t="s">
        <v>276</v>
      </c>
      <c r="C92" s="378"/>
      <c r="D92" s="378"/>
      <c r="E92" s="378"/>
      <c r="F92" s="378"/>
      <c r="G92" s="378"/>
      <c r="H92" s="378"/>
      <c r="I92" s="378"/>
      <c r="J92" s="378"/>
      <c r="K92" s="378"/>
      <c r="L92" s="379"/>
      <c r="M92" s="257"/>
      <c r="N92" s="257"/>
      <c r="O92" s="257"/>
      <c r="P92" s="257"/>
      <c r="Q92" s="257"/>
      <c r="R92" s="257"/>
      <c r="S92" s="257"/>
      <c r="T92" s="257"/>
      <c r="U92" s="257"/>
      <c r="V92" s="257"/>
      <c r="W92" s="257"/>
      <c r="X92" s="257"/>
      <c r="Y92" s="257"/>
      <c r="Z92" s="257"/>
      <c r="AA92" s="257"/>
      <c r="AB92" s="257"/>
      <c r="AC92" s="257"/>
      <c r="AD92" s="257"/>
      <c r="AE92" s="257"/>
      <c r="AF92" s="257"/>
    </row>
    <row r="93" spans="1:32" ht="39.75" customHeight="1">
      <c r="A93" s="37" t="s">
        <v>85</v>
      </c>
      <c r="B93" s="38" t="s">
        <v>86</v>
      </c>
      <c r="C93" s="39" t="s">
        <v>87</v>
      </c>
      <c r="D93" s="40" t="s">
        <v>88</v>
      </c>
      <c r="E93" s="38" t="s">
        <v>368</v>
      </c>
      <c r="F93" s="89" t="s">
        <v>162</v>
      </c>
      <c r="G93" s="38" t="s">
        <v>369</v>
      </c>
      <c r="H93" s="89" t="s">
        <v>163</v>
      </c>
      <c r="I93" s="38" t="s">
        <v>370</v>
      </c>
      <c r="J93" s="89" t="s">
        <v>136</v>
      </c>
      <c r="K93" s="38" t="s">
        <v>357</v>
      </c>
      <c r="L93" s="89" t="s">
        <v>371</v>
      </c>
      <c r="M93" s="257"/>
      <c r="N93" s="257"/>
      <c r="O93" s="257"/>
      <c r="P93" s="257"/>
      <c r="Q93" s="257"/>
      <c r="R93" s="257"/>
      <c r="S93" s="257"/>
      <c r="T93" s="257"/>
      <c r="U93" s="257"/>
      <c r="V93" s="257"/>
      <c r="W93" s="257"/>
      <c r="X93" s="257"/>
      <c r="Y93" s="257"/>
      <c r="Z93" s="257"/>
      <c r="AA93" s="257"/>
      <c r="AB93" s="257"/>
      <c r="AC93" s="257"/>
      <c r="AD93" s="257"/>
      <c r="AE93" s="257"/>
      <c r="AF93" s="257"/>
    </row>
    <row r="94" spans="1:32" ht="72">
      <c r="A94" s="41"/>
      <c r="B94" s="42" t="s">
        <v>89</v>
      </c>
      <c r="C94" s="126" t="s">
        <v>360</v>
      </c>
      <c r="D94" s="44" t="s">
        <v>91</v>
      </c>
      <c r="E94" s="42" t="s">
        <v>181</v>
      </c>
      <c r="F94" s="91" t="s">
        <v>104</v>
      </c>
      <c r="G94" s="42" t="s">
        <v>182</v>
      </c>
      <c r="H94" s="91" t="s">
        <v>104</v>
      </c>
      <c r="I94" s="42" t="s">
        <v>183</v>
      </c>
      <c r="J94" s="91" t="s">
        <v>104</v>
      </c>
      <c r="K94" s="42" t="s">
        <v>357</v>
      </c>
      <c r="L94" s="91" t="s">
        <v>104</v>
      </c>
    </row>
    <row r="95" spans="1:32">
      <c r="A95" s="45" t="s">
        <v>435</v>
      </c>
      <c r="B95" s="190">
        <v>11008</v>
      </c>
      <c r="C95" s="84">
        <v>4.67</v>
      </c>
      <c r="D95" s="85">
        <v>1.9599999999999999E-2</v>
      </c>
      <c r="E95" s="188">
        <v>0.189</v>
      </c>
      <c r="F95" s="94">
        <v>7.4634173341499794E-3</v>
      </c>
      <c r="G95" s="188">
        <v>0.216</v>
      </c>
      <c r="H95" s="94">
        <v>7.8443490467367868E-3</v>
      </c>
      <c r="I95" s="188">
        <v>0.56899999999999995</v>
      </c>
      <c r="J95" s="94">
        <v>9.4383205836198036E-3</v>
      </c>
      <c r="K95" s="188">
        <v>2.5999999999999999E-2</v>
      </c>
      <c r="L95" s="94">
        <v>3.0426913391641314E-3</v>
      </c>
    </row>
    <row r="96" spans="1:32">
      <c r="A96" s="49" t="s">
        <v>436</v>
      </c>
      <c r="B96" s="49">
        <v>8860</v>
      </c>
      <c r="C96" s="170">
        <v>4.57</v>
      </c>
      <c r="D96" s="130">
        <v>3.9199999999999999E-2</v>
      </c>
      <c r="E96" s="189">
        <v>0.215</v>
      </c>
      <c r="F96" s="97">
        <v>8.7289791651642898E-3</v>
      </c>
      <c r="G96" s="189">
        <v>0.22</v>
      </c>
      <c r="H96" s="97">
        <v>8.8016331700968512E-3</v>
      </c>
      <c r="I96" s="189">
        <v>0.54900000000000004</v>
      </c>
      <c r="J96" s="97">
        <v>1.0570401050802519E-2</v>
      </c>
      <c r="K96" s="189">
        <v>1.7000000000000001E-2</v>
      </c>
      <c r="L96" s="97">
        <v>2.763341621824688E-3</v>
      </c>
    </row>
    <row r="97" spans="1:12">
      <c r="A97" s="53" t="s">
        <v>437</v>
      </c>
      <c r="B97" s="53">
        <v>1986</v>
      </c>
      <c r="C97" s="84">
        <v>4.92</v>
      </c>
      <c r="D97" s="85">
        <v>5.8799999999999998E-2</v>
      </c>
      <c r="E97" s="188">
        <v>0.13120000000000001</v>
      </c>
      <c r="F97" s="94">
        <v>1.5172892925373804E-2</v>
      </c>
      <c r="G97" s="188">
        <v>0.19359999999999999</v>
      </c>
      <c r="H97" s="94">
        <v>1.7735979477157507E-2</v>
      </c>
      <c r="I97" s="188">
        <v>0.63390000000000002</v>
      </c>
      <c r="J97" s="94">
        <v>2.1601358359796648E-2</v>
      </c>
      <c r="K97" s="188">
        <v>4.1399999999999999E-2</v>
      </c>
      <c r="L97" s="94">
        <v>9.0260008033036035E-3</v>
      </c>
    </row>
    <row r="98" spans="1:12">
      <c r="A98" s="49" t="s">
        <v>438</v>
      </c>
      <c r="B98" s="49">
        <v>99</v>
      </c>
      <c r="C98" s="170">
        <v>4.6399999999999997</v>
      </c>
      <c r="D98" s="130">
        <v>0.3528</v>
      </c>
      <c r="E98" s="189">
        <v>0.246</v>
      </c>
      <c r="F98" s="97">
        <v>8.5988857130463225E-2</v>
      </c>
      <c r="G98" s="189">
        <v>0.17499999999999999</v>
      </c>
      <c r="H98" s="97">
        <v>7.6936383955673635E-2</v>
      </c>
      <c r="I98" s="189">
        <v>0.55000000000000004</v>
      </c>
      <c r="J98" s="97">
        <v>9.8076729299281115E-2</v>
      </c>
      <c r="K98" s="189">
        <v>2.9000000000000001E-2</v>
      </c>
      <c r="L98" s="97">
        <v>4.1829426471011295E-2</v>
      </c>
    </row>
    <row r="99" spans="1:12">
      <c r="A99" s="53" t="s">
        <v>439</v>
      </c>
      <c r="B99" s="53">
        <v>682</v>
      </c>
      <c r="C99" s="84">
        <v>4.57</v>
      </c>
      <c r="D99" s="85">
        <v>0.1176</v>
      </c>
      <c r="E99" s="188">
        <v>0.222</v>
      </c>
      <c r="F99" s="94">
        <v>3.181713819533432E-2</v>
      </c>
      <c r="G99" s="188">
        <v>0.23</v>
      </c>
      <c r="H99" s="94">
        <v>3.2211732756751335E-2</v>
      </c>
      <c r="I99" s="188">
        <v>0.52700000000000002</v>
      </c>
      <c r="J99" s="94">
        <v>3.8125118299076409E-2</v>
      </c>
      <c r="K99" s="188">
        <v>2.1999999999999999E-2</v>
      </c>
      <c r="L99" s="94">
        <v>1.1872197994497916E-2</v>
      </c>
    </row>
    <row r="100" spans="1:12">
      <c r="A100" s="49" t="s">
        <v>440</v>
      </c>
      <c r="B100" s="49">
        <v>290</v>
      </c>
      <c r="C100" s="170">
        <v>4.74</v>
      </c>
      <c r="D100" s="130">
        <v>0.15679999999999999</v>
      </c>
      <c r="E100" s="189">
        <v>0.16900000000000001</v>
      </c>
      <c r="F100" s="97">
        <v>4.4170352213348266E-2</v>
      </c>
      <c r="G100" s="189">
        <v>0.23100000000000001</v>
      </c>
      <c r="H100" s="97">
        <v>4.9431408148522975E-2</v>
      </c>
      <c r="I100" s="189">
        <v>0.58599999999999997</v>
      </c>
      <c r="J100" s="97">
        <v>5.7475683428720795E-2</v>
      </c>
      <c r="K100" s="189">
        <v>1.4E-2</v>
      </c>
      <c r="L100" s="97">
        <v>1.6572816139865679E-2</v>
      </c>
    </row>
    <row r="101" spans="1:12">
      <c r="A101" s="53" t="s">
        <v>441</v>
      </c>
      <c r="B101" s="53">
        <v>83</v>
      </c>
      <c r="C101" s="84">
        <v>4.25</v>
      </c>
      <c r="D101" s="85">
        <v>0.3528</v>
      </c>
      <c r="E101" s="188">
        <v>0.30399999999999999</v>
      </c>
      <c r="F101" s="94">
        <v>9.9431787678028752E-2</v>
      </c>
      <c r="G101" s="188">
        <v>0.24</v>
      </c>
      <c r="H101" s="94">
        <v>9.3088313843252737E-2</v>
      </c>
      <c r="I101" s="188">
        <v>0.40899999999999997</v>
      </c>
      <c r="J101" s="94">
        <v>0.10558277597642887</v>
      </c>
      <c r="K101" s="188">
        <v>4.7E-2</v>
      </c>
      <c r="L101" s="94">
        <v>5.3916497701769782E-2</v>
      </c>
    </row>
    <row r="102" spans="1:12">
      <c r="A102" s="49" t="s">
        <v>442</v>
      </c>
      <c r="B102" s="49">
        <v>156</v>
      </c>
      <c r="C102" s="170">
        <v>4.58</v>
      </c>
      <c r="D102" s="130">
        <v>0.23519999999999999</v>
      </c>
      <c r="E102" s="189">
        <v>0.223</v>
      </c>
      <c r="F102" s="97">
        <v>6.6531852216626289E-2</v>
      </c>
      <c r="G102" s="189">
        <v>0.20499999999999999</v>
      </c>
      <c r="H102" s="97">
        <v>6.4666811305143221E-2</v>
      </c>
      <c r="I102" s="189">
        <v>0.53100000000000003</v>
      </c>
      <c r="J102" s="97">
        <v>7.8912364268060045E-2</v>
      </c>
      <c r="K102" s="189">
        <v>4.1000000000000002E-2</v>
      </c>
      <c r="L102" s="97">
        <v>3.5256692405485235E-2</v>
      </c>
    </row>
    <row r="103" spans="1:12">
      <c r="A103" s="53" t="s">
        <v>443</v>
      </c>
      <c r="B103" s="53">
        <v>147</v>
      </c>
      <c r="C103" s="84">
        <v>4.38</v>
      </c>
      <c r="D103" s="85">
        <v>0.25480000000000003</v>
      </c>
      <c r="E103" s="188">
        <v>0.28499999999999998</v>
      </c>
      <c r="F103" s="94">
        <v>7.3905536529864327E-2</v>
      </c>
      <c r="G103" s="188">
        <v>0.248</v>
      </c>
      <c r="H103" s="94">
        <v>7.0910051795902679E-2</v>
      </c>
      <c r="I103" s="188">
        <v>0.46300000000000002</v>
      </c>
      <c r="J103" s="94">
        <v>8.1167404337779359E-2</v>
      </c>
      <c r="K103" s="188">
        <v>5.0000000000000001E-3</v>
      </c>
      <c r="L103" s="94">
        <v>2.1705138480600281E-2</v>
      </c>
    </row>
    <row r="104" spans="1:12">
      <c r="A104" s="49" t="s">
        <v>444</v>
      </c>
      <c r="B104" s="49">
        <v>764</v>
      </c>
      <c r="C104" s="170">
        <v>4.76</v>
      </c>
      <c r="D104" s="130">
        <v>9.8000000000000004E-2</v>
      </c>
      <c r="E104" s="189">
        <v>0.17599999999999999</v>
      </c>
      <c r="F104" s="97">
        <v>2.7586478830948408E-2</v>
      </c>
      <c r="G104" s="189">
        <v>0.21299999999999999</v>
      </c>
      <c r="H104" s="97">
        <v>2.9623222170155554E-2</v>
      </c>
      <c r="I104" s="189">
        <v>0.59399999999999997</v>
      </c>
      <c r="J104" s="97">
        <v>3.544771692627826E-2</v>
      </c>
      <c r="K104" s="189">
        <v>1.7000000000000001E-2</v>
      </c>
      <c r="L104" s="97">
        <v>9.9829973634496458E-3</v>
      </c>
    </row>
    <row r="105" spans="1:12">
      <c r="A105" s="45" t="s">
        <v>445</v>
      </c>
      <c r="B105" s="190">
        <v>553</v>
      </c>
      <c r="C105" s="84">
        <v>4.74</v>
      </c>
      <c r="D105" s="85">
        <v>0.1176</v>
      </c>
      <c r="E105" s="188">
        <v>0.22600000000000001</v>
      </c>
      <c r="F105" s="94">
        <v>3.5551406031721133E-2</v>
      </c>
      <c r="G105" s="188">
        <v>0.17699999999999999</v>
      </c>
      <c r="H105" s="94">
        <v>3.25089752833497E-2</v>
      </c>
      <c r="I105" s="188">
        <v>0.59399999999999997</v>
      </c>
      <c r="J105" s="94">
        <v>4.1626746403913222E-2</v>
      </c>
      <c r="K105" s="188">
        <v>2E-3</v>
      </c>
      <c r="L105" s="94">
        <v>6.3104634979519753E-3</v>
      </c>
    </row>
    <row r="106" spans="1:12" ht="25.5">
      <c r="A106" s="49" t="s">
        <v>450</v>
      </c>
      <c r="B106" s="191">
        <v>139</v>
      </c>
      <c r="C106" s="170">
        <v>4.68</v>
      </c>
      <c r="D106" s="130">
        <v>0.25480000000000003</v>
      </c>
      <c r="E106" s="189">
        <v>0.22</v>
      </c>
      <c r="F106" s="97">
        <v>7.0149624531453139E-2</v>
      </c>
      <c r="G106" s="189">
        <v>0.20499999999999999</v>
      </c>
      <c r="H106" s="97">
        <v>6.8505615127790492E-2</v>
      </c>
      <c r="I106" s="189">
        <v>0.56799999999999995</v>
      </c>
      <c r="J106" s="97">
        <v>8.2890283425651204E-2</v>
      </c>
      <c r="K106" s="189">
        <v>7.0000000000000001E-3</v>
      </c>
      <c r="L106" s="97">
        <v>2.3863233250699927E-2</v>
      </c>
    </row>
    <row r="107" spans="1:12">
      <c r="A107" s="53" t="s">
        <v>447</v>
      </c>
      <c r="B107" s="54">
        <v>184</v>
      </c>
      <c r="C107" s="84">
        <v>4.92</v>
      </c>
      <c r="D107" s="85">
        <v>0.19600000000000001</v>
      </c>
      <c r="E107" s="188">
        <v>9.5000000000000001E-2</v>
      </c>
      <c r="F107" s="94">
        <v>4.4454263892938391E-2</v>
      </c>
      <c r="G107" s="188">
        <v>0.247</v>
      </c>
      <c r="H107" s="94">
        <v>6.3360805855023655E-2</v>
      </c>
      <c r="I107" s="188">
        <v>0.65800000000000003</v>
      </c>
      <c r="J107" s="94">
        <v>6.9356770647898677E-2</v>
      </c>
      <c r="K107" s="188">
        <v>0</v>
      </c>
      <c r="L107" s="94">
        <v>1.4964585492137254E-2</v>
      </c>
    </row>
    <row r="108" spans="1:12">
      <c r="A108" s="49" t="s">
        <v>446</v>
      </c>
      <c r="B108" s="191">
        <v>118</v>
      </c>
      <c r="C108" s="170">
        <v>4.99</v>
      </c>
      <c r="D108" s="130">
        <v>0.23519999999999999</v>
      </c>
      <c r="E108" s="189">
        <v>8.5000000000000006E-2</v>
      </c>
      <c r="F108" s="97">
        <v>5.3983392776988548E-2</v>
      </c>
      <c r="G108" s="189">
        <v>0.224</v>
      </c>
      <c r="H108" s="97">
        <v>7.6552191534492872E-2</v>
      </c>
      <c r="I108" s="189">
        <v>0.69099999999999995</v>
      </c>
      <c r="J108" s="97">
        <v>8.412948263586098E-2</v>
      </c>
      <c r="K108" s="189">
        <v>0</v>
      </c>
      <c r="L108" s="97">
        <v>2.2993012239943496E-2</v>
      </c>
    </row>
    <row r="109" spans="1:12">
      <c r="A109" s="57" t="s">
        <v>451</v>
      </c>
      <c r="B109" s="190">
        <v>176</v>
      </c>
      <c r="C109" s="84">
        <v>4.91</v>
      </c>
      <c r="D109" s="85">
        <v>0.19600000000000001</v>
      </c>
      <c r="E109" s="188">
        <v>0.12</v>
      </c>
      <c r="F109" s="94">
        <v>4.9876841461032231E-2</v>
      </c>
      <c r="G109" s="188">
        <v>0.20200000000000001</v>
      </c>
      <c r="H109" s="94">
        <v>6.0571168538850764E-2</v>
      </c>
      <c r="I109" s="188">
        <v>0.63</v>
      </c>
      <c r="J109" s="94">
        <v>7.2086794203176249E-2</v>
      </c>
      <c r="K109" s="188">
        <v>4.9000000000000002E-2</v>
      </c>
      <c r="L109" s="94">
        <v>3.5131056063505611E-2</v>
      </c>
    </row>
    <row r="110" spans="1:12">
      <c r="A110" s="49" t="s">
        <v>448</v>
      </c>
      <c r="B110" s="191">
        <v>116</v>
      </c>
      <c r="C110" s="170">
        <v>4.83</v>
      </c>
      <c r="D110" s="130">
        <v>0.27440000000000003</v>
      </c>
      <c r="E110" s="189">
        <v>0.17799999999999999</v>
      </c>
      <c r="F110" s="97">
        <v>7.1440665875541376E-2</v>
      </c>
      <c r="G110" s="189">
        <v>0.28799999999999998</v>
      </c>
      <c r="H110" s="97">
        <v>8.3267106128188231E-2</v>
      </c>
      <c r="I110" s="189">
        <v>0.53500000000000003</v>
      </c>
      <c r="J110" s="97">
        <v>9.1077861480448968E-2</v>
      </c>
      <c r="K110" s="189">
        <v>0</v>
      </c>
      <c r="L110" s="97">
        <v>2.3372982186625143E-2</v>
      </c>
    </row>
    <row r="111" spans="1:12">
      <c r="A111" s="57" t="s">
        <v>449</v>
      </c>
      <c r="B111" s="190">
        <v>140</v>
      </c>
      <c r="C111" s="84">
        <v>4.41</v>
      </c>
      <c r="D111" s="85">
        <v>0.27440000000000003</v>
      </c>
      <c r="E111" s="188">
        <v>0.31</v>
      </c>
      <c r="F111" s="94">
        <v>7.7437734954765788E-2</v>
      </c>
      <c r="G111" s="188">
        <v>0.154</v>
      </c>
      <c r="H111" s="94">
        <v>6.1653718332513936E-2</v>
      </c>
      <c r="I111" s="188">
        <v>0.53700000000000003</v>
      </c>
      <c r="J111" s="94">
        <v>8.3117386740480054E-2</v>
      </c>
      <c r="K111" s="188">
        <v>0</v>
      </c>
      <c r="L111" s="94">
        <v>1.9504976326797124E-2</v>
      </c>
    </row>
    <row r="118" spans="1:45">
      <c r="P118" s="257"/>
      <c r="Q118" s="257"/>
      <c r="R118" s="257"/>
      <c r="S118" s="257"/>
      <c r="T118" s="257"/>
      <c r="U118" s="257"/>
      <c r="V118" s="257"/>
      <c r="W118" s="257"/>
      <c r="X118" s="257"/>
      <c r="Y118" s="257"/>
      <c r="Z118" s="257"/>
      <c r="AA118" s="257"/>
      <c r="AB118" s="257"/>
      <c r="AC118" s="257"/>
      <c r="AD118" s="257"/>
      <c r="AE118" s="257"/>
      <c r="AF118" s="257"/>
      <c r="AG118" s="257"/>
      <c r="AH118" s="257"/>
      <c r="AI118" s="257"/>
      <c r="AJ118" s="257"/>
      <c r="AK118" s="257"/>
      <c r="AL118" s="257"/>
      <c r="AM118" s="257"/>
      <c r="AN118" s="257"/>
      <c r="AO118" s="257"/>
      <c r="AP118" s="257"/>
      <c r="AQ118" s="257"/>
      <c r="AR118" s="257"/>
      <c r="AS118" s="257"/>
    </row>
    <row r="119" spans="1:45" ht="18.75">
      <c r="A119" s="389" t="s">
        <v>15</v>
      </c>
      <c r="B119" s="389"/>
      <c r="C119" s="389"/>
      <c r="D119" s="389"/>
    </row>
    <row r="120" spans="1:45" ht="69" customHeight="1">
      <c r="A120" s="387" t="s">
        <v>491</v>
      </c>
      <c r="B120" s="387"/>
      <c r="C120" s="387"/>
      <c r="D120" s="387"/>
    </row>
    <row r="121" spans="1:45" ht="36" customHeight="1">
      <c r="A121" s="365" t="s">
        <v>279</v>
      </c>
      <c r="B121" s="365"/>
      <c r="C121" s="365"/>
      <c r="D121" s="365"/>
    </row>
    <row r="122" spans="1:45" ht="40.5" customHeight="1">
      <c r="A122" s="37" t="s">
        <v>85</v>
      </c>
      <c r="B122" s="38" t="s">
        <v>86</v>
      </c>
      <c r="C122" s="39" t="s">
        <v>87</v>
      </c>
      <c r="D122" s="40" t="s">
        <v>88</v>
      </c>
    </row>
    <row r="123" spans="1:45" ht="72">
      <c r="A123" s="41"/>
      <c r="B123" s="42" t="s">
        <v>89</v>
      </c>
      <c r="C123" s="126" t="s">
        <v>280</v>
      </c>
      <c r="D123" s="44" t="s">
        <v>91</v>
      </c>
    </row>
    <row r="124" spans="1:45">
      <c r="A124" s="45" t="s">
        <v>435</v>
      </c>
      <c r="B124" s="196">
        <v>10969</v>
      </c>
      <c r="C124" s="197">
        <v>4.75</v>
      </c>
      <c r="D124" s="198">
        <v>3.9199999999999999E-2</v>
      </c>
    </row>
    <row r="125" spans="1:45">
      <c r="A125" s="49" t="s">
        <v>436</v>
      </c>
      <c r="B125" s="49">
        <v>8844</v>
      </c>
      <c r="C125" s="200">
        <v>4.47</v>
      </c>
      <c r="D125" s="201">
        <v>3.9199999999999999E-2</v>
      </c>
    </row>
    <row r="126" spans="1:45">
      <c r="A126" s="53" t="s">
        <v>437</v>
      </c>
      <c r="B126" s="53">
        <v>1961</v>
      </c>
      <c r="C126" s="197">
        <v>5.23</v>
      </c>
      <c r="D126" s="198">
        <v>5.8799999999999998E-2</v>
      </c>
    </row>
    <row r="127" spans="1:45">
      <c r="A127" s="49" t="s">
        <v>438</v>
      </c>
      <c r="B127" s="49">
        <v>98</v>
      </c>
      <c r="C127" s="200">
        <v>4.51</v>
      </c>
      <c r="D127" s="201">
        <v>0.31359999999999999</v>
      </c>
    </row>
    <row r="128" spans="1:45">
      <c r="A128" s="53" t="s">
        <v>439</v>
      </c>
      <c r="B128" s="53">
        <v>681</v>
      </c>
      <c r="C128" s="197">
        <v>5.0599999999999996</v>
      </c>
      <c r="D128" s="198">
        <v>0.1176</v>
      </c>
    </row>
    <row r="129" spans="1:4">
      <c r="A129" s="49" t="s">
        <v>440</v>
      </c>
      <c r="B129" s="49">
        <v>293</v>
      </c>
      <c r="C129" s="200">
        <v>5.26</v>
      </c>
      <c r="D129" s="201">
        <v>0.15679999999999999</v>
      </c>
    </row>
    <row r="130" spans="1:4">
      <c r="A130" s="53" t="s">
        <v>441</v>
      </c>
      <c r="B130" s="53">
        <v>82</v>
      </c>
      <c r="C130" s="197">
        <v>4.9000000000000004</v>
      </c>
      <c r="D130" s="198">
        <v>0.3528</v>
      </c>
    </row>
    <row r="131" spans="1:4">
      <c r="A131" s="49" t="s">
        <v>442</v>
      </c>
      <c r="B131" s="49">
        <v>154</v>
      </c>
      <c r="C131" s="200">
        <v>4.95</v>
      </c>
      <c r="D131" s="201">
        <v>0.27440000000000003</v>
      </c>
    </row>
    <row r="132" spans="1:4">
      <c r="A132" s="53" t="s">
        <v>443</v>
      </c>
      <c r="B132" s="53">
        <v>146</v>
      </c>
      <c r="C132" s="197">
        <v>4.88</v>
      </c>
      <c r="D132" s="198">
        <v>0.27440000000000003</v>
      </c>
    </row>
    <row r="133" spans="1:4">
      <c r="A133" s="49" t="s">
        <v>444</v>
      </c>
      <c r="B133" s="49">
        <v>760</v>
      </c>
      <c r="C133" s="200">
        <v>4.79</v>
      </c>
      <c r="D133" s="201">
        <v>0.1176</v>
      </c>
    </row>
    <row r="134" spans="1:4">
      <c r="A134" s="45" t="s">
        <v>445</v>
      </c>
      <c r="B134" s="196">
        <v>552</v>
      </c>
      <c r="C134" s="197">
        <v>4.51</v>
      </c>
      <c r="D134" s="198">
        <v>0.13720000000000002</v>
      </c>
    </row>
    <row r="135" spans="1:4" ht="25.5">
      <c r="A135" s="49" t="s">
        <v>450</v>
      </c>
      <c r="B135" s="199">
        <v>140</v>
      </c>
      <c r="C135" s="200">
        <v>4.38</v>
      </c>
      <c r="D135" s="201">
        <v>0.31359999999999999</v>
      </c>
    </row>
    <row r="136" spans="1:4">
      <c r="A136" s="53" t="s">
        <v>447</v>
      </c>
      <c r="B136" s="83">
        <v>183</v>
      </c>
      <c r="C136" s="197">
        <v>4.95</v>
      </c>
      <c r="D136" s="198">
        <v>0.21559999999999999</v>
      </c>
    </row>
    <row r="137" spans="1:4">
      <c r="A137" s="49" t="s">
        <v>446</v>
      </c>
      <c r="B137" s="199">
        <v>117</v>
      </c>
      <c r="C137" s="200">
        <v>4.96</v>
      </c>
      <c r="D137" s="201">
        <v>0.27440000000000003</v>
      </c>
    </row>
    <row r="138" spans="1:4">
      <c r="A138" s="57" t="s">
        <v>451</v>
      </c>
      <c r="B138" s="196">
        <v>173</v>
      </c>
      <c r="C138" s="197">
        <v>5.23</v>
      </c>
      <c r="D138" s="198">
        <v>0.21559999999999999</v>
      </c>
    </row>
    <row r="139" spans="1:4">
      <c r="A139" s="49" t="s">
        <v>448</v>
      </c>
      <c r="B139" s="199">
        <v>116</v>
      </c>
      <c r="C139" s="200">
        <v>4.88</v>
      </c>
      <c r="D139" s="201">
        <v>0.29399999999999998</v>
      </c>
    </row>
    <row r="140" spans="1:4">
      <c r="A140" s="57" t="s">
        <v>449</v>
      </c>
      <c r="B140" s="196">
        <v>139</v>
      </c>
      <c r="C140" s="197">
        <v>4.04</v>
      </c>
      <c r="D140" s="198">
        <v>0.29399999999999998</v>
      </c>
    </row>
    <row r="141" spans="1:4">
      <c r="A141" s="242"/>
      <c r="B141" s="242"/>
      <c r="C141" s="242"/>
      <c r="D141" s="242"/>
    </row>
    <row r="142" spans="1:4">
      <c r="A142" s="242"/>
      <c r="B142" s="242"/>
      <c r="C142" s="242"/>
      <c r="D142" s="242"/>
    </row>
    <row r="143" spans="1:4">
      <c r="A143" s="242"/>
      <c r="B143" s="242"/>
      <c r="C143" s="242"/>
      <c r="D143" s="242"/>
    </row>
    <row r="144" spans="1:4">
      <c r="A144" s="242"/>
      <c r="B144" s="242"/>
      <c r="C144" s="242"/>
      <c r="D144" s="242"/>
    </row>
    <row r="145" spans="1:49">
      <c r="A145" s="242"/>
      <c r="B145" s="242"/>
      <c r="C145" s="242"/>
      <c r="D145" s="242"/>
    </row>
    <row r="146" spans="1:49">
      <c r="A146" s="242"/>
      <c r="B146" s="242"/>
      <c r="C146" s="242"/>
      <c r="D146" s="242"/>
    </row>
    <row r="147" spans="1:49" s="249" customFormat="1">
      <c r="A147" s="242"/>
      <c r="B147" s="261"/>
      <c r="C147" s="262"/>
      <c r="D147" s="263"/>
    </row>
    <row r="148" spans="1:49" ht="18.75">
      <c r="A148" s="325" t="s">
        <v>15</v>
      </c>
      <c r="B148" s="325"/>
      <c r="C148" s="325"/>
      <c r="D148" s="325"/>
      <c r="E148" s="325"/>
      <c r="F148" s="325"/>
      <c r="G148" s="325"/>
      <c r="H148" s="325"/>
      <c r="I148" s="325"/>
      <c r="J148" s="325"/>
      <c r="K148" s="325"/>
      <c r="L148" s="325"/>
      <c r="M148" s="325"/>
      <c r="N148" s="325"/>
      <c r="O148" s="325"/>
      <c r="P148" s="325"/>
      <c r="Q148" s="325"/>
      <c r="R148" s="325"/>
      <c r="S148" s="325"/>
      <c r="T148" s="227"/>
      <c r="U148" s="227"/>
      <c r="V148" s="227"/>
      <c r="W148" s="227"/>
      <c r="X148" s="227"/>
      <c r="Y148" s="227"/>
      <c r="Z148" s="227"/>
      <c r="AA148" s="227"/>
      <c r="AB148" s="227"/>
      <c r="AC148" s="227"/>
      <c r="AD148" s="227"/>
      <c r="AE148" s="227"/>
      <c r="AF148" s="227"/>
      <c r="AG148" s="227"/>
      <c r="AH148" s="227"/>
      <c r="AI148" s="227"/>
      <c r="AJ148" s="227"/>
      <c r="AK148" s="257"/>
      <c r="AL148" s="257"/>
      <c r="AM148" s="257"/>
      <c r="AN148" s="257"/>
      <c r="AO148" s="257"/>
      <c r="AP148" s="257"/>
      <c r="AQ148" s="257"/>
      <c r="AR148" s="257"/>
      <c r="AS148" s="257"/>
    </row>
    <row r="149" spans="1:49" ht="53.25" customHeight="1">
      <c r="A149" s="390" t="s">
        <v>492</v>
      </c>
      <c r="B149" s="390"/>
      <c r="C149" s="390"/>
      <c r="D149" s="390"/>
      <c r="E149" s="390"/>
      <c r="F149" s="390"/>
      <c r="G149" s="390"/>
      <c r="H149" s="390"/>
      <c r="I149" s="390"/>
      <c r="J149" s="390"/>
      <c r="K149" s="390"/>
      <c r="L149" s="390"/>
      <c r="M149" s="390"/>
      <c r="N149" s="390"/>
      <c r="O149" s="390"/>
      <c r="P149" s="390"/>
      <c r="Q149" s="390"/>
      <c r="R149" s="390"/>
      <c r="S149" s="390"/>
      <c r="T149" s="258"/>
      <c r="U149" s="258"/>
      <c r="V149" s="258"/>
      <c r="W149" s="258"/>
      <c r="X149" s="258"/>
      <c r="Y149" s="258"/>
      <c r="Z149" s="258"/>
      <c r="AA149" s="258"/>
      <c r="AB149" s="258"/>
      <c r="AC149" s="258"/>
      <c r="AD149" s="258"/>
      <c r="AE149" s="258"/>
      <c r="AF149" s="258"/>
      <c r="AG149" s="258"/>
      <c r="AH149" s="258"/>
      <c r="AI149" s="258"/>
      <c r="AJ149" s="258"/>
      <c r="AK149" s="257"/>
      <c r="AL149" s="257"/>
      <c r="AM149" s="257"/>
      <c r="AN149" s="257"/>
      <c r="AO149" s="257"/>
      <c r="AP149" s="257"/>
      <c r="AQ149" s="257"/>
      <c r="AR149" s="257"/>
      <c r="AS149" s="257"/>
    </row>
    <row r="150" spans="1:49" ht="33" customHeight="1">
      <c r="A150" s="64"/>
      <c r="B150" s="377" t="s">
        <v>277</v>
      </c>
      <c r="C150" s="378"/>
      <c r="D150" s="378"/>
      <c r="E150" s="378"/>
      <c r="F150" s="378"/>
      <c r="G150" s="378"/>
      <c r="H150" s="378"/>
      <c r="I150" s="378"/>
      <c r="J150" s="379"/>
      <c r="K150" s="377" t="s">
        <v>278</v>
      </c>
      <c r="L150" s="378"/>
      <c r="M150" s="378"/>
      <c r="N150" s="378"/>
      <c r="O150" s="378"/>
      <c r="P150" s="378"/>
      <c r="Q150" s="378"/>
      <c r="R150" s="378"/>
      <c r="S150" s="379"/>
      <c r="T150" s="257"/>
      <c r="U150" s="257"/>
      <c r="V150" s="257"/>
      <c r="W150" s="257"/>
      <c r="X150" s="257"/>
      <c r="Y150" s="257"/>
      <c r="Z150" s="257"/>
      <c r="AA150" s="257"/>
      <c r="AB150" s="257"/>
      <c r="AC150" s="257"/>
      <c r="AD150" s="257"/>
      <c r="AE150" s="257"/>
      <c r="AF150" s="257"/>
      <c r="AG150" s="257"/>
      <c r="AH150" s="257"/>
      <c r="AI150" s="257"/>
      <c r="AJ150" s="257"/>
      <c r="AK150" s="257"/>
      <c r="AL150" s="257"/>
      <c r="AM150" s="257"/>
      <c r="AN150" s="257"/>
      <c r="AO150" s="257"/>
      <c r="AP150" s="257"/>
      <c r="AQ150" s="257"/>
      <c r="AR150" s="257"/>
      <c r="AS150" s="257"/>
      <c r="AT150" s="257"/>
      <c r="AU150" s="257"/>
      <c r="AV150" s="257"/>
      <c r="AW150" s="257"/>
    </row>
    <row r="151" spans="1:49" ht="41.25" customHeight="1">
      <c r="A151" s="37" t="s">
        <v>85</v>
      </c>
      <c r="B151" s="38" t="s">
        <v>86</v>
      </c>
      <c r="C151" s="38" t="s">
        <v>368</v>
      </c>
      <c r="D151" s="89" t="s">
        <v>162</v>
      </c>
      <c r="E151" s="38" t="s">
        <v>369</v>
      </c>
      <c r="F151" s="89" t="s">
        <v>163</v>
      </c>
      <c r="G151" s="38" t="s">
        <v>370</v>
      </c>
      <c r="H151" s="89" t="s">
        <v>136</v>
      </c>
      <c r="I151" s="38" t="s">
        <v>357</v>
      </c>
      <c r="J151" s="89" t="s">
        <v>371</v>
      </c>
      <c r="K151" s="65" t="s">
        <v>86</v>
      </c>
      <c r="L151" s="65" t="s">
        <v>368</v>
      </c>
      <c r="M151" s="88" t="s">
        <v>162</v>
      </c>
      <c r="N151" s="65" t="s">
        <v>369</v>
      </c>
      <c r="O151" s="88" t="s">
        <v>163</v>
      </c>
      <c r="P151" s="65" t="s">
        <v>370</v>
      </c>
      <c r="Q151" s="260" t="s">
        <v>136</v>
      </c>
      <c r="R151" s="277" t="s">
        <v>357</v>
      </c>
      <c r="S151" s="88" t="s">
        <v>371</v>
      </c>
      <c r="T151" s="257"/>
      <c r="U151" s="257"/>
      <c r="V151" s="257"/>
      <c r="W151" s="257"/>
      <c r="X151" s="257"/>
      <c r="Y151" s="257"/>
      <c r="Z151" s="257"/>
      <c r="AA151" s="257"/>
      <c r="AB151" s="257"/>
      <c r="AC151" s="257"/>
      <c r="AD151" s="257"/>
      <c r="AE151" s="257"/>
      <c r="AF151" s="257"/>
      <c r="AG151" s="257"/>
      <c r="AH151" s="257"/>
      <c r="AI151" s="257"/>
      <c r="AJ151" s="257"/>
      <c r="AK151" s="257"/>
      <c r="AL151" s="257"/>
      <c r="AM151" s="257"/>
      <c r="AN151" s="257"/>
      <c r="AO151" s="257"/>
      <c r="AP151" s="257"/>
      <c r="AQ151" s="257"/>
      <c r="AR151" s="257"/>
      <c r="AS151" s="257"/>
      <c r="AT151" s="257"/>
      <c r="AU151" s="257"/>
      <c r="AV151" s="257"/>
      <c r="AW151" s="257"/>
    </row>
    <row r="152" spans="1:49" ht="72">
      <c r="A152" s="41"/>
      <c r="B152" s="42" t="s">
        <v>89</v>
      </c>
      <c r="C152" s="42" t="s">
        <v>181</v>
      </c>
      <c r="D152" s="91" t="s">
        <v>104</v>
      </c>
      <c r="E152" s="42" t="s">
        <v>182</v>
      </c>
      <c r="F152" s="91" t="s">
        <v>104</v>
      </c>
      <c r="G152" s="42" t="s">
        <v>183</v>
      </c>
      <c r="H152" s="91" t="s">
        <v>104</v>
      </c>
      <c r="I152" s="42" t="s">
        <v>357</v>
      </c>
      <c r="J152" s="91" t="s">
        <v>104</v>
      </c>
      <c r="K152" s="68" t="s">
        <v>89</v>
      </c>
      <c r="L152" s="68" t="s">
        <v>181</v>
      </c>
      <c r="M152" s="90" t="s">
        <v>104</v>
      </c>
      <c r="N152" s="68" t="s">
        <v>182</v>
      </c>
      <c r="O152" s="90" t="s">
        <v>104</v>
      </c>
      <c r="P152" s="68" t="s">
        <v>183</v>
      </c>
      <c r="Q152" s="274" t="s">
        <v>104</v>
      </c>
      <c r="R152" s="278" t="s">
        <v>357</v>
      </c>
      <c r="S152" s="90" t="s">
        <v>104</v>
      </c>
    </row>
    <row r="153" spans="1:49">
      <c r="A153" s="45" t="s">
        <v>435</v>
      </c>
      <c r="B153" s="192">
        <v>10994</v>
      </c>
      <c r="C153" s="194">
        <v>0.217</v>
      </c>
      <c r="D153" s="94">
        <v>7.8624575307479055E-3</v>
      </c>
      <c r="E153" s="194">
        <v>0.157</v>
      </c>
      <c r="F153" s="94">
        <v>6.9402815415828926E-3</v>
      </c>
      <c r="G153" s="194">
        <v>0.61599999999999999</v>
      </c>
      <c r="H153" s="94">
        <v>9.2755162322826542E-3</v>
      </c>
      <c r="I153" s="194">
        <v>0.01</v>
      </c>
      <c r="J153" s="94">
        <v>1.9142005459587045E-3</v>
      </c>
      <c r="K153" s="192">
        <v>10936</v>
      </c>
      <c r="L153" s="194">
        <v>0.23499999999999999</v>
      </c>
      <c r="M153" s="94">
        <v>8.1086394769137194E-3</v>
      </c>
      <c r="N153" s="194">
        <v>0.16400000000000001</v>
      </c>
      <c r="O153" s="94">
        <v>7.0823451583750634E-3</v>
      </c>
      <c r="P153" s="194">
        <v>0.58499999999999996</v>
      </c>
      <c r="Q153" s="275">
        <v>9.4216732988684944E-3</v>
      </c>
      <c r="R153" s="194">
        <v>1.6E-2</v>
      </c>
      <c r="S153" s="94">
        <v>2.4122835457088109E-3</v>
      </c>
    </row>
    <row r="154" spans="1:49">
      <c r="A154" s="49" t="s">
        <v>436</v>
      </c>
      <c r="B154" s="193">
        <v>8846</v>
      </c>
      <c r="C154" s="195">
        <v>0.27100000000000002</v>
      </c>
      <c r="D154" s="97">
        <v>9.4505885646016148E-3</v>
      </c>
      <c r="E154" s="195">
        <v>0.17199999999999999</v>
      </c>
      <c r="F154" s="97">
        <v>8.0257559714557187E-3</v>
      </c>
      <c r="G154" s="195">
        <v>0.55200000000000005</v>
      </c>
      <c r="H154" s="97">
        <v>1.0572289624566604E-2</v>
      </c>
      <c r="I154" s="195">
        <v>5.0000000000000001E-3</v>
      </c>
      <c r="J154" s="97">
        <v>1.5325384533886575E-3</v>
      </c>
      <c r="K154" s="193">
        <v>8788</v>
      </c>
      <c r="L154" s="195">
        <v>0.30599999999999999</v>
      </c>
      <c r="M154" s="97">
        <v>9.8301831780381651E-3</v>
      </c>
      <c r="N154" s="195">
        <v>0.16300000000000001</v>
      </c>
      <c r="O154" s="97">
        <v>7.8814670423614352E-3</v>
      </c>
      <c r="P154" s="195">
        <v>0.51700000000000002</v>
      </c>
      <c r="Q154" s="276">
        <v>1.065872412000966E-2</v>
      </c>
      <c r="R154" s="195">
        <v>1.4999999999999999E-2</v>
      </c>
      <c r="S154" s="97">
        <v>2.6113933540104304E-3</v>
      </c>
    </row>
    <row r="155" spans="1:49">
      <c r="A155" s="53" t="s">
        <v>437</v>
      </c>
      <c r="B155" s="192">
        <v>1981</v>
      </c>
      <c r="C155" s="194">
        <v>0.11840000000000001</v>
      </c>
      <c r="D155" s="94">
        <v>1.454379121715217E-2</v>
      </c>
      <c r="E155" s="194">
        <v>0.1258</v>
      </c>
      <c r="F155" s="94">
        <v>1.4924706173141757E-2</v>
      </c>
      <c r="G155" s="194">
        <v>0.74</v>
      </c>
      <c r="H155" s="94">
        <v>1.9702160485177807E-2</v>
      </c>
      <c r="I155" s="194">
        <v>1.5800000000000002E-2</v>
      </c>
      <c r="J155" s="94">
        <v>5.7652294295213189E-3</v>
      </c>
      <c r="K155" s="192">
        <v>1977</v>
      </c>
      <c r="L155" s="194">
        <v>0.13400000000000001</v>
      </c>
      <c r="M155" s="94">
        <v>1.5342919645146553E-2</v>
      </c>
      <c r="N155" s="194">
        <v>0.14299999999999999</v>
      </c>
      <c r="O155" s="94">
        <v>1.5763597186087424E-2</v>
      </c>
      <c r="P155" s="194">
        <v>0.70889999999999997</v>
      </c>
      <c r="Q155" s="275">
        <v>2.0421447639730615E-2</v>
      </c>
      <c r="R155" s="194">
        <v>1.41E-2</v>
      </c>
      <c r="S155" s="94">
        <v>5.4765214894881694E-3</v>
      </c>
    </row>
    <row r="156" spans="1:49">
      <c r="A156" s="49" t="s">
        <v>438</v>
      </c>
      <c r="B156" s="193">
        <v>98</v>
      </c>
      <c r="C156" s="195">
        <v>0.214</v>
      </c>
      <c r="D156" s="97">
        <v>8.2721735515418199E-2</v>
      </c>
      <c r="E156" s="195">
        <v>0.23</v>
      </c>
      <c r="F156" s="97">
        <v>8.4645868141444577E-2</v>
      </c>
      <c r="G156" s="195">
        <v>0.55600000000000005</v>
      </c>
      <c r="H156" s="97">
        <v>9.84398169927303E-2</v>
      </c>
      <c r="I156" s="195">
        <v>0</v>
      </c>
      <c r="J156" s="97">
        <v>2.745647223584333E-2</v>
      </c>
      <c r="K156" s="193">
        <v>98</v>
      </c>
      <c r="L156" s="195">
        <v>0.317</v>
      </c>
      <c r="M156" s="97">
        <v>9.2690944733008623E-2</v>
      </c>
      <c r="N156" s="195">
        <v>0.158</v>
      </c>
      <c r="O156" s="97">
        <v>7.4631058988447699E-2</v>
      </c>
      <c r="P156" s="195">
        <v>0.52500000000000002</v>
      </c>
      <c r="Q156" s="276">
        <v>9.8900436851284815E-2</v>
      </c>
      <c r="R156" s="195">
        <v>0</v>
      </c>
      <c r="S156" s="97">
        <v>2.745647223584333E-2</v>
      </c>
    </row>
    <row r="157" spans="1:49">
      <c r="A157" s="53" t="s">
        <v>439</v>
      </c>
      <c r="B157" s="192">
        <v>679</v>
      </c>
      <c r="C157" s="194">
        <v>0.16800000000000001</v>
      </c>
      <c r="D157" s="94">
        <v>2.874263814873329E-2</v>
      </c>
      <c r="E157" s="194">
        <v>8.6999999999999994E-2</v>
      </c>
      <c r="F157" s="94">
        <v>2.1837015015731927E-2</v>
      </c>
      <c r="G157" s="194">
        <v>0.74199999999999999</v>
      </c>
      <c r="H157" s="94">
        <v>3.3543307227988171E-2</v>
      </c>
      <c r="I157" s="194">
        <v>3.0000000000000001E-3</v>
      </c>
      <c r="J157" s="94">
        <v>5.8661257546209792E-3</v>
      </c>
      <c r="K157" s="192">
        <v>673</v>
      </c>
      <c r="L157" s="194">
        <v>0.187</v>
      </c>
      <c r="M157" s="94">
        <v>3.0084594059996375E-2</v>
      </c>
      <c r="N157" s="194">
        <v>0.14199999999999999</v>
      </c>
      <c r="O157" s="94">
        <v>2.6995926080528272E-2</v>
      </c>
      <c r="P157" s="194">
        <v>0.64900000000000002</v>
      </c>
      <c r="Q157" s="275">
        <v>3.6708003515828598E-2</v>
      </c>
      <c r="R157" s="194">
        <v>2.1000000000000001E-2</v>
      </c>
      <c r="S157" s="94">
        <v>1.1723616207382654E-2</v>
      </c>
    </row>
    <row r="158" spans="1:49">
      <c r="A158" s="49" t="s">
        <v>440</v>
      </c>
      <c r="B158" s="193">
        <v>292</v>
      </c>
      <c r="C158" s="195">
        <v>0.11799999999999999</v>
      </c>
      <c r="D158" s="97">
        <v>3.8201677473728865E-2</v>
      </c>
      <c r="E158" s="195">
        <v>6.4000000000000001E-2</v>
      </c>
      <c r="F158" s="97">
        <v>2.9639048234815665E-2</v>
      </c>
      <c r="G158" s="195">
        <v>0.81200000000000006</v>
      </c>
      <c r="H158" s="97">
        <v>4.5806458655860319E-2</v>
      </c>
      <c r="I158" s="195">
        <v>5.0000000000000001E-3</v>
      </c>
      <c r="J158" s="97">
        <v>1.2494621570082656E-2</v>
      </c>
      <c r="K158" s="193">
        <v>287</v>
      </c>
      <c r="L158" s="195">
        <v>0.187</v>
      </c>
      <c r="M158" s="97">
        <v>4.6114424419080959E-2</v>
      </c>
      <c r="N158" s="195">
        <v>0.126</v>
      </c>
      <c r="O158" s="97">
        <v>3.9575576405676723E-2</v>
      </c>
      <c r="P158" s="195">
        <v>0.67</v>
      </c>
      <c r="Q158" s="276">
        <v>5.5226996887641391E-2</v>
      </c>
      <c r="R158" s="195">
        <v>1.7000000000000001E-2</v>
      </c>
      <c r="S158" s="97">
        <v>1.7811677952668289E-2</v>
      </c>
    </row>
    <row r="159" spans="1:49">
      <c r="A159" s="53" t="s">
        <v>441</v>
      </c>
      <c r="B159" s="192">
        <v>81</v>
      </c>
      <c r="C159" s="194">
        <v>0.219</v>
      </c>
      <c r="D159" s="94">
        <v>9.1599065445863964E-2</v>
      </c>
      <c r="E159" s="194">
        <v>8.2000000000000003E-2</v>
      </c>
      <c r="F159" s="94">
        <v>6.5559557017913883E-2</v>
      </c>
      <c r="G159" s="194">
        <v>0.7</v>
      </c>
      <c r="H159" s="94">
        <v>0.10027635333651383</v>
      </c>
      <c r="I159" s="194">
        <v>0</v>
      </c>
      <c r="J159" s="94">
        <v>3.2881805121991139E-2</v>
      </c>
      <c r="K159" s="192">
        <v>80</v>
      </c>
      <c r="L159" s="194">
        <v>0.19900000000000001</v>
      </c>
      <c r="M159" s="94">
        <v>8.939538238373608E-2</v>
      </c>
      <c r="N159" s="194">
        <v>0.17299999999999999</v>
      </c>
      <c r="O159" s="94">
        <v>8.5359811246823264E-2</v>
      </c>
      <c r="P159" s="194">
        <v>0.56000000000000005</v>
      </c>
      <c r="Q159" s="275">
        <v>0.10839405489705714</v>
      </c>
      <c r="R159" s="194">
        <v>6.7000000000000004E-2</v>
      </c>
      <c r="S159" s="94">
        <v>6.1698942691171856E-2</v>
      </c>
    </row>
    <row r="160" spans="1:49">
      <c r="A160" s="49" t="s">
        <v>442</v>
      </c>
      <c r="B160" s="193">
        <v>155</v>
      </c>
      <c r="C160" s="195">
        <v>0.19</v>
      </c>
      <c r="D160" s="97">
        <v>6.3180762884463323E-2</v>
      </c>
      <c r="E160" s="195">
        <v>9.7000000000000003E-2</v>
      </c>
      <c r="F160" s="97">
        <v>4.9056439212713576E-2</v>
      </c>
      <c r="G160" s="195">
        <v>0.70799999999999996</v>
      </c>
      <c r="H160" s="97">
        <v>7.2491235442652471E-2</v>
      </c>
      <c r="I160" s="195">
        <v>5.0000000000000001E-3</v>
      </c>
      <c r="J160" s="97">
        <v>2.0770218705730654E-2</v>
      </c>
      <c r="K160" s="193">
        <v>156</v>
      </c>
      <c r="L160" s="195">
        <v>0.19800000000000001</v>
      </c>
      <c r="M160" s="97">
        <v>6.3894287205508452E-2</v>
      </c>
      <c r="N160" s="195">
        <v>0.156</v>
      </c>
      <c r="O160" s="97">
        <v>5.8631655272557329E-2</v>
      </c>
      <c r="P160" s="195">
        <v>0.627</v>
      </c>
      <c r="Q160" s="276">
        <v>7.6594283300876975E-2</v>
      </c>
      <c r="R160" s="195">
        <v>1.9E-2</v>
      </c>
      <c r="S160" s="97">
        <v>2.741461716630382E-2</v>
      </c>
    </row>
    <row r="161" spans="1:19">
      <c r="A161" s="53" t="s">
        <v>443</v>
      </c>
      <c r="B161" s="192">
        <v>145</v>
      </c>
      <c r="C161" s="194">
        <v>0.218</v>
      </c>
      <c r="D161" s="94">
        <v>6.8480817468594773E-2</v>
      </c>
      <c r="E161" s="194">
        <v>0.122</v>
      </c>
      <c r="F161" s="94">
        <v>5.5486777998192204E-2</v>
      </c>
      <c r="G161" s="194">
        <v>0.66</v>
      </c>
      <c r="H161" s="94">
        <v>7.7849630832797917E-2</v>
      </c>
      <c r="I161" s="194">
        <v>0</v>
      </c>
      <c r="J161" s="94">
        <v>1.8854901079065334E-2</v>
      </c>
      <c r="K161" s="192">
        <v>144</v>
      </c>
      <c r="L161" s="194">
        <v>0.16900000000000001</v>
      </c>
      <c r="M161" s="94">
        <v>6.2877226201488889E-2</v>
      </c>
      <c r="N161" s="194">
        <v>0.14699999999999999</v>
      </c>
      <c r="O161" s="94">
        <v>5.9737172027414076E-2</v>
      </c>
      <c r="P161" s="194">
        <v>0.67300000000000004</v>
      </c>
      <c r="Q161" s="275">
        <v>7.7401536726269843E-2</v>
      </c>
      <c r="R161" s="194">
        <v>1.0999999999999999E-2</v>
      </c>
      <c r="S161" s="94">
        <v>2.5271387029381712E-2</v>
      </c>
    </row>
    <row r="162" spans="1:19">
      <c r="A162" s="49" t="s">
        <v>444</v>
      </c>
      <c r="B162" s="193">
        <v>763</v>
      </c>
      <c r="C162" s="195">
        <v>0.223</v>
      </c>
      <c r="D162" s="97">
        <v>3.0129595410978687E-2</v>
      </c>
      <c r="E162" s="195">
        <v>0.14299999999999999</v>
      </c>
      <c r="F162" s="97">
        <v>2.541718236857517E-2</v>
      </c>
      <c r="G162" s="195">
        <v>0.621</v>
      </c>
      <c r="H162" s="97">
        <v>3.5045979190316337E-2</v>
      </c>
      <c r="I162" s="195">
        <v>1.4E-2</v>
      </c>
      <c r="J162" s="97">
        <v>9.2089064211087236E-3</v>
      </c>
      <c r="K162" s="193">
        <v>763</v>
      </c>
      <c r="L162" s="195">
        <v>0.23899999999999999</v>
      </c>
      <c r="M162" s="97">
        <v>3.0858018314595715E-2</v>
      </c>
      <c r="N162" s="195">
        <v>0.14699999999999999</v>
      </c>
      <c r="O162" s="97">
        <v>2.5703891383267636E-2</v>
      </c>
      <c r="P162" s="195">
        <v>0.60299999999999998</v>
      </c>
      <c r="Q162" s="276">
        <v>3.5341608451297732E-2</v>
      </c>
      <c r="R162" s="195">
        <v>1.0999999999999999E-2</v>
      </c>
      <c r="S162" s="97">
        <v>8.3491562915600174E-3</v>
      </c>
    </row>
    <row r="163" spans="1:19">
      <c r="A163" s="45" t="s">
        <v>445</v>
      </c>
      <c r="B163" s="192">
        <v>553</v>
      </c>
      <c r="C163" s="194">
        <v>0.26600000000000001</v>
      </c>
      <c r="D163" s="94">
        <v>3.7519844449245963E-2</v>
      </c>
      <c r="E163" s="194">
        <v>0.17699999999999999</v>
      </c>
      <c r="F163" s="94">
        <v>3.25089752833497E-2</v>
      </c>
      <c r="G163" s="194">
        <v>0.54</v>
      </c>
      <c r="H163" s="94">
        <v>4.2237500481730618E-2</v>
      </c>
      <c r="I163" s="194">
        <v>1.7000000000000001E-2</v>
      </c>
      <c r="J163" s="94">
        <v>1.1999287486719325E-2</v>
      </c>
      <c r="K163" s="192">
        <v>553</v>
      </c>
      <c r="L163" s="194">
        <v>0.32300000000000001</v>
      </c>
      <c r="M163" s="94">
        <v>3.9668224783304534E-2</v>
      </c>
      <c r="N163" s="194">
        <v>0.13100000000000001</v>
      </c>
      <c r="O163" s="94">
        <v>2.8835895709169213E-2</v>
      </c>
      <c r="P163" s="194">
        <v>0.53700000000000003</v>
      </c>
      <c r="Q163" s="275">
        <v>4.2256852620207147E-2</v>
      </c>
      <c r="R163" s="194">
        <v>8.9999999999999993E-3</v>
      </c>
      <c r="S163" s="94">
        <v>9.4247966725459469E-3</v>
      </c>
    </row>
    <row r="164" spans="1:19" ht="25.5">
      <c r="A164" s="49" t="s">
        <v>450</v>
      </c>
      <c r="B164" s="193">
        <v>139</v>
      </c>
      <c r="C164" s="195">
        <v>0.30099999999999999</v>
      </c>
      <c r="D164" s="97">
        <v>7.7112841733332327E-2</v>
      </c>
      <c r="E164" s="195">
        <v>0.159</v>
      </c>
      <c r="F164" s="97">
        <v>6.2608395183333429E-2</v>
      </c>
      <c r="G164" s="195">
        <v>0.51800000000000002</v>
      </c>
      <c r="H164" s="97">
        <v>8.3572985959871407E-2</v>
      </c>
      <c r="I164" s="195">
        <v>2.1999999999999999E-2</v>
      </c>
      <c r="J164" s="97">
        <v>3.089325087474493E-2</v>
      </c>
      <c r="K164" s="193">
        <v>140</v>
      </c>
      <c r="L164" s="195">
        <v>0.36299999999999999</v>
      </c>
      <c r="M164" s="97">
        <v>8.0322136143769332E-2</v>
      </c>
      <c r="N164" s="195">
        <v>0.16500000000000001</v>
      </c>
      <c r="O164" s="97">
        <v>6.3228669846049149E-2</v>
      </c>
      <c r="P164" s="195">
        <v>0.46400000000000002</v>
      </c>
      <c r="Q164" s="276">
        <v>8.3128915947861773E-2</v>
      </c>
      <c r="R164" s="195">
        <v>8.9999999999999993E-3</v>
      </c>
      <c r="S164" s="97">
        <v>2.4791558598512606E-2</v>
      </c>
    </row>
    <row r="165" spans="1:19">
      <c r="A165" s="53" t="s">
        <v>447</v>
      </c>
      <c r="B165" s="192">
        <v>184</v>
      </c>
      <c r="C165" s="194">
        <v>0.17599999999999999</v>
      </c>
      <c r="D165" s="94">
        <v>5.6388383795863486E-2</v>
      </c>
      <c r="E165" s="194">
        <v>0.16200000000000001</v>
      </c>
      <c r="F165" s="94">
        <v>5.4687843234525781E-2</v>
      </c>
      <c r="G165" s="194">
        <v>0.65600000000000003</v>
      </c>
      <c r="H165" s="94">
        <v>6.9448979852260409E-2</v>
      </c>
      <c r="I165" s="194">
        <v>7.0000000000000001E-3</v>
      </c>
      <c r="J165" s="94">
        <v>1.912082741542934E-2</v>
      </c>
      <c r="K165" s="192">
        <v>182</v>
      </c>
      <c r="L165" s="194">
        <v>0.14899999999999999</v>
      </c>
      <c r="M165" s="94">
        <v>5.3287814498891126E-2</v>
      </c>
      <c r="N165" s="194">
        <v>0.22600000000000001</v>
      </c>
      <c r="O165" s="94">
        <v>6.189105134985752E-2</v>
      </c>
      <c r="P165" s="194">
        <v>0.61099999999999999</v>
      </c>
      <c r="Q165" s="275">
        <v>7.157269216329927E-2</v>
      </c>
      <c r="R165" s="194">
        <v>1.4E-2</v>
      </c>
      <c r="S165" s="94">
        <v>2.2649138477126587E-2</v>
      </c>
    </row>
    <row r="166" spans="1:19">
      <c r="A166" s="49" t="s">
        <v>446</v>
      </c>
      <c r="B166" s="193">
        <v>118</v>
      </c>
      <c r="C166" s="195">
        <v>0.19400000000000001</v>
      </c>
      <c r="D166" s="97">
        <v>7.2970555202718418E-2</v>
      </c>
      <c r="E166" s="195">
        <v>0.11600000000000001</v>
      </c>
      <c r="F166" s="97">
        <v>6.0612916892532918E-2</v>
      </c>
      <c r="G166" s="195">
        <v>0.68100000000000005</v>
      </c>
      <c r="H166" s="97">
        <v>8.4804895636677841E-2</v>
      </c>
      <c r="I166" s="195">
        <v>8.9999999999999993E-3</v>
      </c>
      <c r="J166" s="97">
        <v>2.8323906920081663E-2</v>
      </c>
      <c r="K166" s="193">
        <v>118</v>
      </c>
      <c r="L166" s="195">
        <v>0.16700000000000001</v>
      </c>
      <c r="M166" s="97">
        <v>6.9249656777543259E-2</v>
      </c>
      <c r="N166" s="195">
        <v>0.20799999999999999</v>
      </c>
      <c r="O166" s="97">
        <v>7.4709365815254308E-2</v>
      </c>
      <c r="P166" s="195">
        <v>0.60699999999999998</v>
      </c>
      <c r="Q166" s="276">
        <v>8.857514114018733E-2</v>
      </c>
      <c r="R166" s="195">
        <v>1.7999999999999999E-2</v>
      </c>
      <c r="S166" s="97">
        <v>3.2723690239631613E-2</v>
      </c>
    </row>
    <row r="167" spans="1:19">
      <c r="A167" s="57" t="s">
        <v>451</v>
      </c>
      <c r="B167" s="192">
        <v>175</v>
      </c>
      <c r="C167" s="194">
        <v>0.13600000000000001</v>
      </c>
      <c r="D167" s="94">
        <v>5.2503672807986783E-2</v>
      </c>
      <c r="E167" s="194">
        <v>0.121</v>
      </c>
      <c r="F167" s="94">
        <v>5.0185573145511857E-2</v>
      </c>
      <c r="G167" s="194">
        <v>0.73</v>
      </c>
      <c r="H167" s="94">
        <v>6.6758604518245765E-2</v>
      </c>
      <c r="I167" s="194">
        <v>1.2999999999999999E-2</v>
      </c>
      <c r="J167" s="94">
        <v>2.282422465193366E-2</v>
      </c>
      <c r="K167" s="192">
        <v>175</v>
      </c>
      <c r="L167" s="194">
        <v>0.16900000000000001</v>
      </c>
      <c r="M167" s="94">
        <v>5.6978065093064426E-2</v>
      </c>
      <c r="N167" s="194">
        <v>9.6000000000000002E-2</v>
      </c>
      <c r="O167" s="94">
        <v>4.5831136804104645E-2</v>
      </c>
      <c r="P167" s="194">
        <v>0.72199999999999998</v>
      </c>
      <c r="Q167" s="275">
        <v>6.7334573022366187E-2</v>
      </c>
      <c r="R167" s="194">
        <v>1.2999999999999999E-2</v>
      </c>
      <c r="S167" s="94">
        <v>2.282422465193366E-2</v>
      </c>
    </row>
    <row r="168" spans="1:19">
      <c r="A168" s="49" t="s">
        <v>448</v>
      </c>
      <c r="B168" s="193">
        <v>116</v>
      </c>
      <c r="C168" s="195">
        <v>0.29599999999999999</v>
      </c>
      <c r="D168" s="97">
        <v>8.3887257673618112E-2</v>
      </c>
      <c r="E168" s="195">
        <v>6.9000000000000006E-2</v>
      </c>
      <c r="F168" s="97">
        <v>5.0470012732167856E-2</v>
      </c>
      <c r="G168" s="195">
        <v>0.61799999999999999</v>
      </c>
      <c r="H168" s="97">
        <v>8.8879843150843366E-2</v>
      </c>
      <c r="I168" s="195">
        <v>1.7000000000000001E-2</v>
      </c>
      <c r="J168" s="97">
        <v>3.266210342277423E-2</v>
      </c>
      <c r="K168" s="193">
        <v>116</v>
      </c>
      <c r="L168" s="195">
        <v>0.154</v>
      </c>
      <c r="M168" s="97">
        <v>6.7855741316631635E-2</v>
      </c>
      <c r="N168" s="195">
        <v>0.16500000000000001</v>
      </c>
      <c r="O168" s="97">
        <v>6.9553809438501688E-2</v>
      </c>
      <c r="P168" s="195">
        <v>0.67200000000000004</v>
      </c>
      <c r="Q168" s="276">
        <v>8.6092081624958516E-2</v>
      </c>
      <c r="R168" s="195">
        <v>8.9999999999999993E-3</v>
      </c>
      <c r="S168" s="97">
        <v>2.8707257438313913E-2</v>
      </c>
    </row>
    <row r="169" spans="1:19">
      <c r="A169" s="57" t="s">
        <v>449</v>
      </c>
      <c r="B169" s="192">
        <v>140</v>
      </c>
      <c r="C169" s="194">
        <v>0.308</v>
      </c>
      <c r="D169" s="94">
        <v>7.7308105719106485E-2</v>
      </c>
      <c r="E169" s="194">
        <v>0.254</v>
      </c>
      <c r="F169" s="94">
        <v>7.318152953739146E-2</v>
      </c>
      <c r="G169" s="194">
        <v>0.42799999999999999</v>
      </c>
      <c r="H169" s="94">
        <v>8.2512625296577088E-2</v>
      </c>
      <c r="I169" s="194">
        <v>1.0999999999999999E-2</v>
      </c>
      <c r="J169" s="94">
        <v>2.580858656401196E-2</v>
      </c>
      <c r="K169" s="192">
        <v>141</v>
      </c>
      <c r="L169" s="194">
        <v>0.45300000000000001</v>
      </c>
      <c r="M169" s="94">
        <v>8.2697820480089557E-2</v>
      </c>
      <c r="N169" s="194">
        <v>0.127</v>
      </c>
      <c r="O169" s="94">
        <v>5.7160682352784757E-2</v>
      </c>
      <c r="P169" s="194">
        <v>0.40899999999999997</v>
      </c>
      <c r="Q169" s="275">
        <v>8.1734571409632653E-2</v>
      </c>
      <c r="R169" s="194">
        <v>1.0999999999999999E-2</v>
      </c>
      <c r="S169" s="94">
        <v>2.5671619624066579E-2</v>
      </c>
    </row>
    <row r="177" spans="1:10" ht="18.75">
      <c r="A177" s="317" t="s">
        <v>432</v>
      </c>
      <c r="B177" s="317"/>
      <c r="C177" s="317"/>
      <c r="D177" s="317"/>
      <c r="E177" s="227"/>
      <c r="F177" s="227"/>
      <c r="G177" s="227"/>
      <c r="H177" s="227"/>
      <c r="I177" s="227"/>
      <c r="J177" s="249"/>
    </row>
    <row r="178" spans="1:10" ht="131.25" customHeight="1">
      <c r="A178" s="386" t="s">
        <v>493</v>
      </c>
      <c r="B178" s="386"/>
      <c r="C178" s="386"/>
      <c r="D178" s="386"/>
      <c r="E178" s="279"/>
      <c r="F178" s="279"/>
      <c r="G178" s="279"/>
      <c r="H178" s="279"/>
      <c r="I178" s="279"/>
    </row>
    <row r="179" spans="1:10" ht="36" customHeight="1">
      <c r="A179" s="365" t="s">
        <v>166</v>
      </c>
      <c r="B179" s="365"/>
      <c r="C179" s="365"/>
      <c r="D179" s="365"/>
    </row>
    <row r="180" spans="1:10" ht="40.5" customHeight="1">
      <c r="A180" s="37" t="s">
        <v>85</v>
      </c>
      <c r="B180" s="38" t="s">
        <v>86</v>
      </c>
      <c r="C180" s="39" t="s">
        <v>87</v>
      </c>
      <c r="D180" s="40" t="s">
        <v>88</v>
      </c>
    </row>
    <row r="181" spans="1:10" ht="72">
      <c r="A181" s="41"/>
      <c r="B181" s="42" t="s">
        <v>89</v>
      </c>
      <c r="C181" s="126" t="s">
        <v>167</v>
      </c>
      <c r="D181" s="44" t="s">
        <v>91</v>
      </c>
    </row>
    <row r="182" spans="1:10">
      <c r="A182" s="45" t="s">
        <v>435</v>
      </c>
      <c r="B182" s="196">
        <v>10992</v>
      </c>
      <c r="C182" s="84">
        <v>3.79</v>
      </c>
      <c r="D182" s="85">
        <v>1.9599999999999999E-2</v>
      </c>
    </row>
    <row r="183" spans="1:10">
      <c r="A183" s="49" t="s">
        <v>436</v>
      </c>
      <c r="B183" s="49">
        <v>8875</v>
      </c>
      <c r="C183" s="200">
        <v>3.72</v>
      </c>
      <c r="D183" s="201">
        <v>1.9599999999999999E-2</v>
      </c>
    </row>
    <row r="184" spans="1:10">
      <c r="A184" s="53" t="s">
        <v>437</v>
      </c>
      <c r="B184" s="53">
        <v>1959</v>
      </c>
      <c r="C184" s="84">
        <v>4.0999999999999996</v>
      </c>
      <c r="D184" s="85">
        <v>5.8799999999999998E-2</v>
      </c>
    </row>
    <row r="185" spans="1:10">
      <c r="A185" s="49" t="s">
        <v>438</v>
      </c>
      <c r="B185" s="49">
        <v>99</v>
      </c>
      <c r="C185" s="200">
        <v>2.2599999999999998</v>
      </c>
      <c r="D185" s="201">
        <v>0.21559999999999999</v>
      </c>
    </row>
    <row r="186" spans="1:10">
      <c r="A186" s="53" t="s">
        <v>439</v>
      </c>
      <c r="B186" s="53">
        <v>680</v>
      </c>
      <c r="C186" s="84">
        <v>4.57</v>
      </c>
      <c r="D186" s="85">
        <v>9.8000000000000004E-2</v>
      </c>
    </row>
    <row r="187" spans="1:10">
      <c r="A187" s="49" t="s">
        <v>440</v>
      </c>
      <c r="B187" s="49">
        <v>291</v>
      </c>
      <c r="C187" s="200">
        <v>5.1100000000000003</v>
      </c>
      <c r="D187" s="201">
        <v>0.13720000000000002</v>
      </c>
    </row>
    <row r="188" spans="1:10">
      <c r="A188" s="53" t="s">
        <v>441</v>
      </c>
      <c r="B188" s="53">
        <v>83</v>
      </c>
      <c r="C188" s="84">
        <v>4.25</v>
      </c>
      <c r="D188" s="85">
        <v>0.29399999999999998</v>
      </c>
    </row>
    <row r="189" spans="1:10">
      <c r="A189" s="49" t="s">
        <v>442</v>
      </c>
      <c r="B189" s="49">
        <v>154</v>
      </c>
      <c r="C189" s="200">
        <v>3.93</v>
      </c>
      <c r="D189" s="201">
        <v>0.19600000000000001</v>
      </c>
    </row>
    <row r="190" spans="1:10">
      <c r="A190" s="53" t="s">
        <v>443</v>
      </c>
      <c r="B190" s="53">
        <v>146</v>
      </c>
      <c r="C190" s="84">
        <v>4.32</v>
      </c>
      <c r="D190" s="85">
        <v>0.21559999999999999</v>
      </c>
    </row>
    <row r="191" spans="1:10">
      <c r="A191" s="49" t="s">
        <v>444</v>
      </c>
      <c r="B191" s="49">
        <v>759</v>
      </c>
      <c r="C191" s="200">
        <v>3.64</v>
      </c>
      <c r="D191" s="201">
        <v>9.8000000000000004E-2</v>
      </c>
    </row>
    <row r="192" spans="1:10">
      <c r="A192" s="45" t="s">
        <v>445</v>
      </c>
      <c r="B192" s="196">
        <v>553</v>
      </c>
      <c r="C192" s="84">
        <v>3.52</v>
      </c>
      <c r="D192" s="85">
        <v>9.8000000000000004E-2</v>
      </c>
    </row>
    <row r="193" spans="1:46" ht="25.5">
      <c r="A193" s="49" t="s">
        <v>450</v>
      </c>
      <c r="B193" s="199">
        <v>140</v>
      </c>
      <c r="C193" s="200">
        <v>3.23</v>
      </c>
      <c r="D193" s="201">
        <v>0.23519999999999999</v>
      </c>
    </row>
    <row r="194" spans="1:46">
      <c r="A194" s="53" t="s">
        <v>447</v>
      </c>
      <c r="B194" s="83">
        <v>182</v>
      </c>
      <c r="C194" s="84">
        <v>3.69</v>
      </c>
      <c r="D194" s="85">
        <v>0.1764</v>
      </c>
    </row>
    <row r="195" spans="1:46">
      <c r="A195" s="49" t="s">
        <v>446</v>
      </c>
      <c r="B195" s="199">
        <v>117</v>
      </c>
      <c r="C195" s="200">
        <v>3.55</v>
      </c>
      <c r="D195" s="201">
        <v>0.19600000000000001</v>
      </c>
    </row>
    <row r="196" spans="1:46">
      <c r="A196" s="57" t="s">
        <v>451</v>
      </c>
      <c r="B196" s="196">
        <v>171</v>
      </c>
      <c r="C196" s="84">
        <v>3.82</v>
      </c>
      <c r="D196" s="85">
        <v>0.1764</v>
      </c>
    </row>
    <row r="197" spans="1:46">
      <c r="A197" s="49" t="s">
        <v>448</v>
      </c>
      <c r="B197" s="199">
        <v>116</v>
      </c>
      <c r="C197" s="200">
        <v>3.68</v>
      </c>
      <c r="D197" s="201">
        <v>0.21559999999999999</v>
      </c>
    </row>
    <row r="198" spans="1:46">
      <c r="A198" s="57" t="s">
        <v>449</v>
      </c>
      <c r="B198" s="196">
        <v>141</v>
      </c>
      <c r="C198" s="84">
        <v>3.85</v>
      </c>
      <c r="D198" s="85">
        <v>0.21559999999999999</v>
      </c>
    </row>
    <row r="206" spans="1:46" ht="18.75">
      <c r="A206" s="317" t="s">
        <v>52</v>
      </c>
      <c r="B206" s="317"/>
      <c r="C206" s="317"/>
      <c r="D206" s="317"/>
      <c r="E206" s="317"/>
      <c r="F206" s="317"/>
      <c r="G206" s="317"/>
      <c r="H206" s="317"/>
      <c r="I206" s="317"/>
      <c r="J206" s="317"/>
      <c r="K206" s="317"/>
      <c r="L206" s="317"/>
      <c r="M206" s="317"/>
      <c r="N206" s="317"/>
      <c r="O206" s="317"/>
      <c r="P206" s="317"/>
      <c r="Q206" s="317"/>
      <c r="R206" s="317"/>
      <c r="S206" s="317"/>
      <c r="T206" s="317"/>
      <c r="U206" s="317"/>
      <c r="V206" s="317"/>
      <c r="W206" s="317"/>
      <c r="X206" s="317"/>
      <c r="Y206" s="317"/>
      <c r="Z206" s="317"/>
      <c r="AA206" s="317"/>
      <c r="AB206" s="317"/>
      <c r="AC206" s="317"/>
      <c r="AD206" s="317"/>
      <c r="AE206" s="317"/>
      <c r="AF206" s="317"/>
      <c r="AG206" s="317"/>
      <c r="AH206" s="317"/>
      <c r="AI206" s="317"/>
      <c r="AJ206" s="317"/>
      <c r="AK206" s="317"/>
      <c r="AL206" s="317"/>
      <c r="AM206" s="317"/>
      <c r="AN206" s="317"/>
      <c r="AO206" s="317"/>
      <c r="AP206" s="317"/>
      <c r="AQ206" s="317"/>
      <c r="AR206" s="317"/>
      <c r="AS206" s="317"/>
      <c r="AT206" s="317"/>
    </row>
    <row r="207" spans="1:46" ht="54" customHeight="1">
      <c r="A207" s="386" t="s">
        <v>494</v>
      </c>
      <c r="B207" s="386"/>
      <c r="C207" s="386"/>
      <c r="D207" s="386"/>
      <c r="E207" s="386"/>
      <c r="F207" s="386"/>
      <c r="G207" s="386"/>
      <c r="H207" s="386"/>
      <c r="I207" s="386"/>
      <c r="J207" s="386"/>
      <c r="K207" s="386"/>
      <c r="L207" s="386"/>
      <c r="M207" s="386"/>
      <c r="N207" s="386"/>
      <c r="O207" s="386"/>
      <c r="P207" s="386"/>
      <c r="Q207" s="386"/>
      <c r="R207" s="386"/>
      <c r="S207" s="386"/>
      <c r="T207" s="386"/>
      <c r="U207" s="386"/>
      <c r="V207" s="386"/>
      <c r="W207" s="386"/>
      <c r="X207" s="386"/>
      <c r="Y207" s="386"/>
      <c r="Z207" s="386"/>
      <c r="AA207" s="386"/>
      <c r="AB207" s="386"/>
      <c r="AC207" s="386"/>
      <c r="AD207" s="386"/>
      <c r="AE207" s="386"/>
      <c r="AF207" s="386"/>
      <c r="AG207" s="386"/>
      <c r="AH207" s="386"/>
      <c r="AI207" s="386"/>
      <c r="AJ207" s="386"/>
      <c r="AK207" s="386"/>
      <c r="AL207" s="386"/>
      <c r="AM207" s="386"/>
      <c r="AN207" s="386"/>
      <c r="AO207" s="386"/>
      <c r="AP207" s="386"/>
      <c r="AQ207" s="386"/>
      <c r="AR207" s="386"/>
      <c r="AS207" s="386"/>
      <c r="AT207" s="386"/>
    </row>
    <row r="208" spans="1:46" ht="32.25" customHeight="1">
      <c r="A208" s="64"/>
      <c r="B208" s="377" t="s">
        <v>346</v>
      </c>
      <c r="C208" s="378"/>
      <c r="D208" s="378"/>
      <c r="E208" s="378"/>
      <c r="F208" s="378"/>
      <c r="G208" s="378"/>
      <c r="H208" s="378"/>
      <c r="I208" s="378"/>
      <c r="J208" s="379"/>
      <c r="K208" s="377" t="s">
        <v>347</v>
      </c>
      <c r="L208" s="378"/>
      <c r="M208" s="378"/>
      <c r="N208" s="378"/>
      <c r="O208" s="378"/>
      <c r="P208" s="378"/>
      <c r="Q208" s="378"/>
      <c r="R208" s="378"/>
      <c r="S208" s="379"/>
      <c r="T208" s="377" t="s">
        <v>348</v>
      </c>
      <c r="U208" s="378"/>
      <c r="V208" s="378"/>
      <c r="W208" s="378"/>
      <c r="X208" s="378"/>
      <c r="Y208" s="378"/>
      <c r="Z208" s="378"/>
      <c r="AA208" s="378"/>
      <c r="AB208" s="379"/>
      <c r="AC208" s="377" t="s">
        <v>349</v>
      </c>
      <c r="AD208" s="378"/>
      <c r="AE208" s="378"/>
      <c r="AF208" s="378"/>
      <c r="AG208" s="378"/>
      <c r="AH208" s="378"/>
      <c r="AI208" s="378"/>
      <c r="AJ208" s="378"/>
      <c r="AK208" s="379"/>
      <c r="AL208" s="377" t="s">
        <v>350</v>
      </c>
      <c r="AM208" s="378"/>
      <c r="AN208" s="378"/>
      <c r="AO208" s="378"/>
      <c r="AP208" s="378"/>
      <c r="AQ208" s="378"/>
      <c r="AR208" s="378"/>
      <c r="AS208" s="378"/>
      <c r="AT208" s="379"/>
    </row>
    <row r="209" spans="1:46" ht="60.75" customHeight="1">
      <c r="A209" s="37" t="s">
        <v>85</v>
      </c>
      <c r="B209" s="38" t="s">
        <v>86</v>
      </c>
      <c r="C209" s="38" t="s">
        <v>257</v>
      </c>
      <c r="D209" s="89" t="s">
        <v>351</v>
      </c>
      <c r="E209" s="38" t="s">
        <v>352</v>
      </c>
      <c r="F209" s="89" t="s">
        <v>319</v>
      </c>
      <c r="G209" s="38" t="s">
        <v>353</v>
      </c>
      <c r="H209" s="89" t="s">
        <v>320</v>
      </c>
      <c r="I209" s="38" t="s">
        <v>357</v>
      </c>
      <c r="J209" s="89" t="s">
        <v>371</v>
      </c>
      <c r="K209" s="65" t="s">
        <v>86</v>
      </c>
      <c r="L209" s="65" t="s">
        <v>426</v>
      </c>
      <c r="M209" s="88" t="s">
        <v>427</v>
      </c>
      <c r="N209" s="65" t="s">
        <v>422</v>
      </c>
      <c r="O209" s="88" t="s">
        <v>424</v>
      </c>
      <c r="P209" s="65" t="s">
        <v>428</v>
      </c>
      <c r="Q209" s="88" t="s">
        <v>429</v>
      </c>
      <c r="R209" s="277" t="s">
        <v>357</v>
      </c>
      <c r="S209" s="88" t="s">
        <v>371</v>
      </c>
      <c r="T209" s="38" t="s">
        <v>86</v>
      </c>
      <c r="U209" s="38" t="s">
        <v>426</v>
      </c>
      <c r="V209" s="89" t="s">
        <v>427</v>
      </c>
      <c r="W209" s="38" t="s">
        <v>422</v>
      </c>
      <c r="X209" s="89" t="s">
        <v>424</v>
      </c>
      <c r="Y209" s="38" t="s">
        <v>428</v>
      </c>
      <c r="Z209" s="89" t="s">
        <v>429</v>
      </c>
      <c r="AA209" s="38" t="s">
        <v>357</v>
      </c>
      <c r="AB209" s="89" t="s">
        <v>371</v>
      </c>
      <c r="AC209" s="65" t="s">
        <v>86</v>
      </c>
      <c r="AD209" s="65" t="s">
        <v>426</v>
      </c>
      <c r="AE209" s="88" t="s">
        <v>427</v>
      </c>
      <c r="AF209" s="65" t="s">
        <v>422</v>
      </c>
      <c r="AG209" s="88" t="s">
        <v>424</v>
      </c>
      <c r="AH209" s="65" t="s">
        <v>428</v>
      </c>
      <c r="AI209" s="88" t="s">
        <v>429</v>
      </c>
      <c r="AJ209" s="65" t="s">
        <v>357</v>
      </c>
      <c r="AK209" s="88" t="s">
        <v>371</v>
      </c>
      <c r="AL209" s="38" t="s">
        <v>86</v>
      </c>
      <c r="AM209" s="38" t="s">
        <v>426</v>
      </c>
      <c r="AN209" s="89" t="s">
        <v>427</v>
      </c>
      <c r="AO209" s="38" t="s">
        <v>422</v>
      </c>
      <c r="AP209" s="89" t="s">
        <v>424</v>
      </c>
      <c r="AQ209" s="38" t="s">
        <v>428</v>
      </c>
      <c r="AR209" s="89" t="s">
        <v>429</v>
      </c>
      <c r="AS209" s="38" t="s">
        <v>357</v>
      </c>
      <c r="AT209" s="89" t="s">
        <v>371</v>
      </c>
    </row>
    <row r="210" spans="1:46" ht="72">
      <c r="A210" s="41"/>
      <c r="B210" s="42" t="s">
        <v>89</v>
      </c>
      <c r="C210" s="42" t="s">
        <v>181</v>
      </c>
      <c r="D210" s="91" t="s">
        <v>104</v>
      </c>
      <c r="E210" s="42" t="s">
        <v>182</v>
      </c>
      <c r="F210" s="91" t="s">
        <v>104</v>
      </c>
      <c r="G210" s="42" t="s">
        <v>183</v>
      </c>
      <c r="H210" s="91" t="s">
        <v>104</v>
      </c>
      <c r="I210" s="42" t="s">
        <v>357</v>
      </c>
      <c r="J210" s="91" t="s">
        <v>104</v>
      </c>
      <c r="K210" s="68" t="s">
        <v>89</v>
      </c>
      <c r="L210" s="68" t="s">
        <v>421</v>
      </c>
      <c r="M210" s="90" t="s">
        <v>104</v>
      </c>
      <c r="N210" s="68" t="s">
        <v>423</v>
      </c>
      <c r="O210" s="90" t="s">
        <v>104</v>
      </c>
      <c r="P210" s="68" t="s">
        <v>181</v>
      </c>
      <c r="Q210" s="90" t="s">
        <v>104</v>
      </c>
      <c r="R210" s="278" t="s">
        <v>357</v>
      </c>
      <c r="S210" s="90" t="s">
        <v>104</v>
      </c>
      <c r="T210" s="42" t="s">
        <v>89</v>
      </c>
      <c r="U210" s="42" t="s">
        <v>421</v>
      </c>
      <c r="V210" s="91" t="s">
        <v>104</v>
      </c>
      <c r="W210" s="42" t="s">
        <v>423</v>
      </c>
      <c r="X210" s="91" t="s">
        <v>104</v>
      </c>
      <c r="Y210" s="42" t="s">
        <v>181</v>
      </c>
      <c r="Z210" s="91" t="s">
        <v>104</v>
      </c>
      <c r="AA210" s="42" t="s">
        <v>357</v>
      </c>
      <c r="AB210" s="91" t="s">
        <v>104</v>
      </c>
      <c r="AC210" s="68" t="s">
        <v>89</v>
      </c>
      <c r="AD210" s="68" t="s">
        <v>421</v>
      </c>
      <c r="AE210" s="90" t="s">
        <v>104</v>
      </c>
      <c r="AF210" s="68" t="s">
        <v>423</v>
      </c>
      <c r="AG210" s="90" t="s">
        <v>104</v>
      </c>
      <c r="AH210" s="68" t="s">
        <v>181</v>
      </c>
      <c r="AI210" s="90" t="s">
        <v>104</v>
      </c>
      <c r="AJ210" s="68" t="s">
        <v>357</v>
      </c>
      <c r="AK210" s="90" t="s">
        <v>104</v>
      </c>
      <c r="AL210" s="42" t="s">
        <v>89</v>
      </c>
      <c r="AM210" s="42" t="s">
        <v>421</v>
      </c>
      <c r="AN210" s="91" t="s">
        <v>104</v>
      </c>
      <c r="AO210" s="42" t="s">
        <v>423</v>
      </c>
      <c r="AP210" s="91" t="s">
        <v>104</v>
      </c>
      <c r="AQ210" s="42" t="s">
        <v>181</v>
      </c>
      <c r="AR210" s="91" t="s">
        <v>104</v>
      </c>
      <c r="AS210" s="42" t="s">
        <v>357</v>
      </c>
      <c r="AT210" s="91" t="s">
        <v>104</v>
      </c>
    </row>
    <row r="211" spans="1:46">
      <c r="A211" s="45" t="s">
        <v>435</v>
      </c>
      <c r="B211" s="196">
        <v>10961</v>
      </c>
      <c r="C211" s="202">
        <v>0.14099999999999999</v>
      </c>
      <c r="D211" s="94">
        <v>6.6496731982213864E-3</v>
      </c>
      <c r="E211" s="202">
        <v>0.16800000000000001</v>
      </c>
      <c r="F211" s="94">
        <v>7.1427731357552237E-3</v>
      </c>
      <c r="G211" s="202">
        <v>0.68</v>
      </c>
      <c r="H211" s="94">
        <v>8.9100205820281352E-3</v>
      </c>
      <c r="I211" s="202">
        <v>1.2E-2</v>
      </c>
      <c r="J211" s="94">
        <v>2.0948521605220535E-3</v>
      </c>
      <c r="K211" s="196">
        <v>10984</v>
      </c>
      <c r="L211" s="202">
        <v>0.24762340161244129</v>
      </c>
      <c r="M211" s="94">
        <v>8.2364143383151945E-3</v>
      </c>
      <c r="N211" s="202">
        <v>0.42597845827984321</v>
      </c>
      <c r="O211" s="94">
        <v>9.4347875729083579E-3</v>
      </c>
      <c r="P211" s="202">
        <v>0.25040651474367437</v>
      </c>
      <c r="Q211" s="94">
        <v>8.2672075167569154E-3</v>
      </c>
      <c r="R211" s="202">
        <v>7.5991625364043358E-2</v>
      </c>
      <c r="S211" s="94">
        <v>5.0605280136049573E-3</v>
      </c>
      <c r="T211" s="196">
        <v>11013</v>
      </c>
      <c r="U211" s="202">
        <v>0.38190920252164035</v>
      </c>
      <c r="V211" s="94">
        <v>9.2579287671147731E-3</v>
      </c>
      <c r="W211" s="202">
        <v>0.31175161858371059</v>
      </c>
      <c r="X211" s="94">
        <v>8.8267599421445828E-3</v>
      </c>
      <c r="Y211" s="202">
        <v>0.13993233793948978</v>
      </c>
      <c r="Z211" s="94">
        <v>6.6129226233515963E-3</v>
      </c>
      <c r="AA211" s="202">
        <v>0.16640684095515595</v>
      </c>
      <c r="AB211" s="94">
        <v>7.098840526480737E-3</v>
      </c>
      <c r="AC211" s="196">
        <v>11013</v>
      </c>
      <c r="AD211" s="202">
        <v>0.35199999999999998</v>
      </c>
      <c r="AE211" s="94">
        <v>9.1006475318986639E-3</v>
      </c>
      <c r="AF211" s="202">
        <v>0.34399999999999997</v>
      </c>
      <c r="AG211" s="94">
        <v>9.0520399674367223E-3</v>
      </c>
      <c r="AH211" s="202">
        <v>0.14300000000000002</v>
      </c>
      <c r="AI211" s="94">
        <v>6.6729925909146245E-3</v>
      </c>
      <c r="AJ211" s="202">
        <v>0.16200000000000001</v>
      </c>
      <c r="AK211" s="94">
        <v>7.0228027118382158E-3</v>
      </c>
      <c r="AL211" s="196">
        <v>11001</v>
      </c>
      <c r="AM211" s="202">
        <v>0.224</v>
      </c>
      <c r="AN211" s="94">
        <v>7.9498511210027521E-3</v>
      </c>
      <c r="AO211" s="202">
        <v>0.33399999999999996</v>
      </c>
      <c r="AP211" s="94">
        <v>8.9921774875635265E-3</v>
      </c>
      <c r="AQ211" s="202">
        <v>0.17199999999999999</v>
      </c>
      <c r="AR211" s="94">
        <v>7.1967025905684389E-3</v>
      </c>
      <c r="AS211" s="202">
        <v>0.27</v>
      </c>
      <c r="AT211" s="94">
        <v>8.4648767501296386E-3</v>
      </c>
    </row>
    <row r="212" spans="1:46">
      <c r="A212" s="49" t="s">
        <v>436</v>
      </c>
      <c r="B212" s="199">
        <v>8815</v>
      </c>
      <c r="C212" s="203">
        <v>0.13900000000000001</v>
      </c>
      <c r="D212" s="97">
        <v>7.3712924673769668E-3</v>
      </c>
      <c r="E212" s="203">
        <v>0.16500000000000001</v>
      </c>
      <c r="F212" s="97">
        <v>7.9079859718514459E-3</v>
      </c>
      <c r="G212" s="203">
        <v>0.69</v>
      </c>
      <c r="H212" s="97">
        <v>9.8505153292116013E-3</v>
      </c>
      <c r="I212" s="203">
        <v>7.0000000000000001E-3</v>
      </c>
      <c r="J212" s="97">
        <v>1.8035290152243254E-3</v>
      </c>
      <c r="K212" s="199">
        <v>8837</v>
      </c>
      <c r="L212" s="203">
        <v>0.24399999999999999</v>
      </c>
      <c r="M212" s="97">
        <v>9.1370266845013145E-3</v>
      </c>
      <c r="N212" s="203">
        <v>0.432</v>
      </c>
      <c r="O212" s="97">
        <v>1.0536564827741743E-2</v>
      </c>
      <c r="P212" s="203">
        <v>0.253</v>
      </c>
      <c r="Q212" s="97">
        <v>9.2483289461389086E-3</v>
      </c>
      <c r="R212" s="203">
        <v>7.0999999999999994E-2</v>
      </c>
      <c r="S212" s="97">
        <v>5.4697033519390129E-3</v>
      </c>
      <c r="T212" s="199">
        <v>8865</v>
      </c>
      <c r="U212" s="203">
        <v>0.443</v>
      </c>
      <c r="V212" s="97">
        <v>1.0549325855996531E-2</v>
      </c>
      <c r="W212" s="203">
        <v>0.27800000000000002</v>
      </c>
      <c r="X212" s="97">
        <v>9.5155028372994714E-3</v>
      </c>
      <c r="Y212" s="203">
        <v>0.106</v>
      </c>
      <c r="Z212" s="97">
        <v>6.5423671637353902E-3</v>
      </c>
      <c r="AA212" s="203">
        <v>0.17399999999999999</v>
      </c>
      <c r="AB212" s="97">
        <v>8.0538228135833712E-3</v>
      </c>
      <c r="AC212" s="199">
        <v>8867</v>
      </c>
      <c r="AD212" s="203">
        <v>0.39200000000000002</v>
      </c>
      <c r="AE212" s="97">
        <v>1.0366880930254967E-2</v>
      </c>
      <c r="AF212" s="203">
        <v>0.33699999999999997</v>
      </c>
      <c r="AG212" s="97">
        <v>1.0037803753330382E-2</v>
      </c>
      <c r="AH212" s="203">
        <v>0.11199999999999999</v>
      </c>
      <c r="AI212" s="97">
        <v>6.7012427308636973E-3</v>
      </c>
      <c r="AJ212" s="203">
        <v>0.16</v>
      </c>
      <c r="AK212" s="97">
        <v>7.7877440804348273E-3</v>
      </c>
      <c r="AL212" s="199">
        <v>8853</v>
      </c>
      <c r="AM212" s="203">
        <v>0.245</v>
      </c>
      <c r="AN212" s="97">
        <v>9.1413873826699747E-3</v>
      </c>
      <c r="AO212" s="203">
        <v>0.31699999999999995</v>
      </c>
      <c r="AP212" s="97">
        <v>9.8891049241212961E-3</v>
      </c>
      <c r="AQ212" s="203">
        <v>0.14500000000000002</v>
      </c>
      <c r="AR212" s="97">
        <v>7.4860543309023002E-3</v>
      </c>
      <c r="AS212" s="203">
        <v>0.29299999999999998</v>
      </c>
      <c r="AT212" s="97">
        <v>9.6732129372762449E-3</v>
      </c>
    </row>
    <row r="213" spans="1:46">
      <c r="A213" s="53" t="s">
        <v>437</v>
      </c>
      <c r="B213" s="196">
        <v>1979</v>
      </c>
      <c r="C213" s="202">
        <v>0.113</v>
      </c>
      <c r="D213" s="94">
        <v>1.4261770176601274E-2</v>
      </c>
      <c r="E213" s="202">
        <v>0.17199999999999999</v>
      </c>
      <c r="F213" s="94">
        <v>1.6974935541793384E-2</v>
      </c>
      <c r="G213" s="202">
        <v>0.69699999999999995</v>
      </c>
      <c r="H213" s="94">
        <v>2.0647482298883774E-2</v>
      </c>
      <c r="I213" s="202">
        <v>1.7999999999999999E-2</v>
      </c>
      <c r="J213" s="94">
        <v>6.1272960434247447E-3</v>
      </c>
      <c r="K213" s="196">
        <v>1984</v>
      </c>
      <c r="L213" s="202">
        <v>0.20799999999999999</v>
      </c>
      <c r="M213" s="94">
        <v>1.8224994969946607E-2</v>
      </c>
      <c r="N213" s="202">
        <v>0.434</v>
      </c>
      <c r="O213" s="94">
        <v>2.2232605686554458E-2</v>
      </c>
      <c r="P213" s="202">
        <v>0.27</v>
      </c>
      <c r="Q213" s="94">
        <v>1.9925043799832422E-2</v>
      </c>
      <c r="R213" s="202">
        <v>8.6999999999999994E-2</v>
      </c>
      <c r="S213" s="94">
        <v>1.269648027309781E-2</v>
      </c>
      <c r="T213" s="196">
        <v>1986</v>
      </c>
      <c r="U213" s="202">
        <v>0.219</v>
      </c>
      <c r="V213" s="94">
        <v>1.855894383417829E-2</v>
      </c>
      <c r="W213" s="202">
        <v>0.36599999999999999</v>
      </c>
      <c r="X213" s="94">
        <v>2.160011689792303E-2</v>
      </c>
      <c r="Y213" s="202">
        <v>0.23100000000000001</v>
      </c>
      <c r="Z213" s="94">
        <v>1.8911569197501733E-2</v>
      </c>
      <c r="AA213" s="202">
        <v>0.184</v>
      </c>
      <c r="AB213" s="94">
        <v>1.7395489954830399E-2</v>
      </c>
      <c r="AC213" s="196">
        <v>1983</v>
      </c>
      <c r="AD213" s="202">
        <v>0.23200000000000001</v>
      </c>
      <c r="AE213" s="94">
        <v>1.8954286892245192E-2</v>
      </c>
      <c r="AF213" s="202">
        <v>0.35199999999999998</v>
      </c>
      <c r="AG213" s="94">
        <v>2.1432545391067773E-2</v>
      </c>
      <c r="AH213" s="202">
        <v>0.23599999999999999</v>
      </c>
      <c r="AI213" s="94">
        <v>1.9066504830662426E-2</v>
      </c>
      <c r="AJ213" s="202">
        <v>0.18</v>
      </c>
      <c r="AK213" s="94">
        <v>1.7261531587788474E-2</v>
      </c>
      <c r="AL213" s="196">
        <v>1983</v>
      </c>
      <c r="AM213" s="202">
        <v>0.152</v>
      </c>
      <c r="AN213" s="94">
        <v>1.6138747587320298E-2</v>
      </c>
      <c r="AO213" s="202">
        <v>0.35199999999999998</v>
      </c>
      <c r="AP213" s="94">
        <v>2.1432545391067773E-2</v>
      </c>
      <c r="AQ213" s="202">
        <v>0.245</v>
      </c>
      <c r="AR213" s="94">
        <v>1.9310538736243974E-2</v>
      </c>
      <c r="AS213" s="202">
        <v>0.251</v>
      </c>
      <c r="AT213" s="94">
        <v>1.9466894733485177E-2</v>
      </c>
    </row>
    <row r="214" spans="1:46">
      <c r="A214" s="49" t="s">
        <v>438</v>
      </c>
      <c r="B214" s="199">
        <v>99</v>
      </c>
      <c r="C214" s="203">
        <v>0.51900000000000002</v>
      </c>
      <c r="D214" s="97">
        <v>9.8467183314865245E-2</v>
      </c>
      <c r="E214" s="203">
        <v>0.186</v>
      </c>
      <c r="F214" s="97">
        <v>7.8558182964364648E-2</v>
      </c>
      <c r="G214" s="203">
        <v>0.29499999999999998</v>
      </c>
      <c r="H214" s="97">
        <v>9.0559361536947269E-2</v>
      </c>
      <c r="I214" s="203">
        <v>0</v>
      </c>
      <c r="J214" s="97">
        <v>2.7192544212657866E-2</v>
      </c>
      <c r="K214" s="199">
        <v>99</v>
      </c>
      <c r="L214" s="203">
        <v>0.66971018087004353</v>
      </c>
      <c r="M214" s="97">
        <v>9.3141927530551324E-2</v>
      </c>
      <c r="N214" s="203">
        <v>0.26213007956211026</v>
      </c>
      <c r="O214" s="97">
        <v>8.7628361903006421E-2</v>
      </c>
      <c r="P214" s="203">
        <v>6.8159739567845573E-2</v>
      </c>
      <c r="Q214" s="97">
        <v>5.4937595764651542E-2</v>
      </c>
      <c r="R214" s="203">
        <v>0</v>
      </c>
      <c r="S214" s="97">
        <v>2.7192544212657866E-2</v>
      </c>
      <c r="T214" s="199">
        <v>99</v>
      </c>
      <c r="U214" s="203">
        <v>0.49082219234911828</v>
      </c>
      <c r="V214" s="97">
        <v>9.8517591571868318E-2</v>
      </c>
      <c r="W214" s="203">
        <v>0.39349668007530492</v>
      </c>
      <c r="X214" s="97">
        <v>9.6445757642428659E-2</v>
      </c>
      <c r="Y214" s="203">
        <v>2.8981222820562206E-2</v>
      </c>
      <c r="Z214" s="97">
        <v>4.182184006465077E-2</v>
      </c>
      <c r="AA214" s="203">
        <v>8.6699904755013796E-2</v>
      </c>
      <c r="AB214" s="97">
        <v>5.9835616385190568E-2</v>
      </c>
      <c r="AC214" s="199">
        <v>99</v>
      </c>
      <c r="AD214" s="203">
        <v>0.83299999999999996</v>
      </c>
      <c r="AE214" s="97">
        <v>7.5699072145664528E-2</v>
      </c>
      <c r="AF214" s="203">
        <v>0.153</v>
      </c>
      <c r="AG214" s="97">
        <v>7.3408435823930238E-2</v>
      </c>
      <c r="AH214" s="203">
        <v>1.4E-2</v>
      </c>
      <c r="AI214" s="97">
        <v>3.5138063655743575E-2</v>
      </c>
      <c r="AJ214" s="203">
        <v>0</v>
      </c>
      <c r="AK214" s="97">
        <v>2.7192544212657866E-2</v>
      </c>
      <c r="AL214" s="199">
        <v>99</v>
      </c>
      <c r="AM214" s="203">
        <v>0.77500000000000002</v>
      </c>
      <c r="AN214" s="97">
        <v>8.3639246676265988E-2</v>
      </c>
      <c r="AO214" s="203">
        <v>0.17599999999999999</v>
      </c>
      <c r="AP214" s="97">
        <v>7.7087557282676022E-2</v>
      </c>
      <c r="AQ214" s="203">
        <v>3.5999999999999997E-2</v>
      </c>
      <c r="AR214" s="97">
        <v>4.4547921185984267E-2</v>
      </c>
      <c r="AS214" s="203">
        <v>1.2999999999999999E-2</v>
      </c>
      <c r="AT214" s="97">
        <v>3.4637768239731685E-2</v>
      </c>
    </row>
    <row r="215" spans="1:46">
      <c r="A215" s="53" t="s">
        <v>439</v>
      </c>
      <c r="B215" s="196">
        <v>679</v>
      </c>
      <c r="C215" s="202">
        <v>6.9000000000000006E-2</v>
      </c>
      <c r="D215" s="94">
        <v>1.9721108627733058E-2</v>
      </c>
      <c r="E215" s="202">
        <v>0.13500000000000001</v>
      </c>
      <c r="F215" s="94">
        <v>2.6325020978723565E-2</v>
      </c>
      <c r="G215" s="202">
        <v>0.78300000000000003</v>
      </c>
      <c r="H215" s="94">
        <v>3.1631696204497579E-2</v>
      </c>
      <c r="I215" s="202">
        <v>1.2999999999999999E-2</v>
      </c>
      <c r="J215" s="94">
        <v>9.5585835444935499E-3</v>
      </c>
      <c r="K215" s="196">
        <v>676</v>
      </c>
      <c r="L215" s="202">
        <v>0.12333096809126093</v>
      </c>
      <c r="M215" s="94">
        <v>2.5412445117328809E-2</v>
      </c>
      <c r="N215" s="202">
        <v>0.3541680619436629</v>
      </c>
      <c r="O215" s="94">
        <v>3.6700898323886212E-2</v>
      </c>
      <c r="P215" s="202">
        <v>0.42280784740055999</v>
      </c>
      <c r="Q215" s="94">
        <v>3.7893912820725656E-2</v>
      </c>
      <c r="R215" s="202">
        <v>9.9693122564516651E-2</v>
      </c>
      <c r="S215" s="94">
        <v>2.3216893108613905E-2</v>
      </c>
      <c r="T215" s="196">
        <v>682</v>
      </c>
      <c r="U215" s="202">
        <v>0.1789014394151035</v>
      </c>
      <c r="V215" s="94">
        <v>2.9385801220383641E-2</v>
      </c>
      <c r="W215" s="202">
        <v>0.28413476886714384</v>
      </c>
      <c r="X215" s="94">
        <v>3.4484460711626058E-2</v>
      </c>
      <c r="Y215" s="202">
        <v>0.24196251151198306</v>
      </c>
      <c r="Z215" s="94">
        <v>3.2771927909408867E-2</v>
      </c>
      <c r="AA215" s="202">
        <v>0.29500128020577016</v>
      </c>
      <c r="AB215" s="94">
        <v>3.4864517237387017E-2</v>
      </c>
      <c r="AC215" s="196">
        <v>684</v>
      </c>
      <c r="AD215" s="202">
        <v>0.17499999999999999</v>
      </c>
      <c r="AE215" s="94">
        <v>2.9094835645429334E-2</v>
      </c>
      <c r="AF215" s="202">
        <v>0.31699999999999995</v>
      </c>
      <c r="AG215" s="94">
        <v>3.551115735080615E-2</v>
      </c>
      <c r="AH215" s="202">
        <v>0.23399999999999999</v>
      </c>
      <c r="AI215" s="94">
        <v>3.2355614200291247E-2</v>
      </c>
      <c r="AJ215" s="202">
        <v>0.27300000000000002</v>
      </c>
      <c r="AK215" s="94">
        <v>3.4020208822529471E-2</v>
      </c>
      <c r="AL215" s="196">
        <v>685</v>
      </c>
      <c r="AM215" s="202">
        <v>0.114</v>
      </c>
      <c r="AN215" s="94">
        <v>2.4421192269075874E-2</v>
      </c>
      <c r="AO215" s="202">
        <v>0.219</v>
      </c>
      <c r="AP215" s="94">
        <v>3.1595516692078315E-2</v>
      </c>
      <c r="AQ215" s="202">
        <v>0.25900000000000001</v>
      </c>
      <c r="AR215" s="94">
        <v>3.3437889279536968E-2</v>
      </c>
      <c r="AS215" s="202">
        <v>0.40899999999999997</v>
      </c>
      <c r="AT215" s="94">
        <v>3.7468118762521235E-2</v>
      </c>
    </row>
    <row r="216" spans="1:46">
      <c r="A216" s="49" t="s">
        <v>440</v>
      </c>
      <c r="B216" s="199">
        <v>290</v>
      </c>
      <c r="C216" s="203">
        <v>4.2999999999999997E-2</v>
      </c>
      <c r="D216" s="97">
        <v>2.5232337084504113E-2</v>
      </c>
      <c r="E216" s="203">
        <v>9.1999999999999998E-2</v>
      </c>
      <c r="F216" s="97">
        <v>3.4608563060050446E-2</v>
      </c>
      <c r="G216" s="203">
        <v>0.85099999999999998</v>
      </c>
      <c r="H216" s="97">
        <v>4.2076800961137854E-2</v>
      </c>
      <c r="I216" s="203">
        <v>1.4999999999999999E-2</v>
      </c>
      <c r="J216" s="97">
        <v>1.6956181314031329E-2</v>
      </c>
      <c r="K216" s="199">
        <v>288</v>
      </c>
      <c r="L216" s="203">
        <v>8.093236397672314E-2</v>
      </c>
      <c r="M216" s="97">
        <v>3.2930147059530131E-2</v>
      </c>
      <c r="N216" s="203">
        <v>0.26486945356279706</v>
      </c>
      <c r="O216" s="97">
        <v>5.1845125883126973E-2</v>
      </c>
      <c r="P216" s="203">
        <v>0.5125461975018909</v>
      </c>
      <c r="Q216" s="97">
        <v>5.8502649034148591E-2</v>
      </c>
      <c r="R216" s="203">
        <v>0.14165198495858819</v>
      </c>
      <c r="S216" s="97">
        <v>4.1393662350397341E-2</v>
      </c>
      <c r="T216" s="199">
        <v>291</v>
      </c>
      <c r="U216" s="203">
        <v>0.10982107597715178</v>
      </c>
      <c r="V216" s="97">
        <v>3.7164033740368148E-2</v>
      </c>
      <c r="W216" s="203">
        <v>0.16531842818348241</v>
      </c>
      <c r="X216" s="97">
        <v>4.3725687046711752E-2</v>
      </c>
      <c r="Y216" s="203">
        <v>0.34417761784650203</v>
      </c>
      <c r="Z216" s="97">
        <v>5.5402793596865896E-2</v>
      </c>
      <c r="AA216" s="203">
        <v>0.38068287799286366</v>
      </c>
      <c r="AB216" s="97">
        <v>5.6586143545994283E-2</v>
      </c>
      <c r="AC216" s="199">
        <v>293</v>
      </c>
      <c r="AD216" s="203">
        <v>9.7000000000000003E-2</v>
      </c>
      <c r="AE216" s="97">
        <v>3.5188036353542701E-2</v>
      </c>
      <c r="AF216" s="203">
        <v>0.215</v>
      </c>
      <c r="AG216" s="97">
        <v>4.7982621095950452E-2</v>
      </c>
      <c r="AH216" s="203">
        <v>0.32700000000000001</v>
      </c>
      <c r="AI216" s="97">
        <v>5.4540843078665156E-2</v>
      </c>
      <c r="AJ216" s="203">
        <v>0.36</v>
      </c>
      <c r="AK216" s="97">
        <v>5.5768206060510979E-2</v>
      </c>
      <c r="AL216" s="199">
        <v>293</v>
      </c>
      <c r="AM216" s="203">
        <v>7.2999999999999995E-2</v>
      </c>
      <c r="AN216" s="97">
        <v>3.1258485000130377E-2</v>
      </c>
      <c r="AO216" s="203">
        <v>0.14500000000000002</v>
      </c>
      <c r="AP216" s="97">
        <v>4.1413859884844618E-2</v>
      </c>
      <c r="AQ216" s="203">
        <v>0.31900000000000001</v>
      </c>
      <c r="AR216" s="97">
        <v>5.4199470563626499E-2</v>
      </c>
      <c r="AS216" s="203">
        <v>0.46200000000000002</v>
      </c>
      <c r="AT216" s="97">
        <v>5.7862560215919102E-2</v>
      </c>
    </row>
    <row r="217" spans="1:46">
      <c r="A217" s="53" t="s">
        <v>441</v>
      </c>
      <c r="B217" s="196">
        <v>82</v>
      </c>
      <c r="C217" s="202">
        <v>0.01</v>
      </c>
      <c r="D217" s="94">
        <v>3.8407525801073962E-2</v>
      </c>
      <c r="E217" s="202">
        <v>0.18099999999999999</v>
      </c>
      <c r="F217" s="94">
        <v>8.5585533649093562E-2</v>
      </c>
      <c r="G217" s="202">
        <v>0.79500000000000004</v>
      </c>
      <c r="H217" s="94">
        <v>8.9151578501660833E-2</v>
      </c>
      <c r="I217" s="202">
        <v>1.4E-2</v>
      </c>
      <c r="J217" s="94">
        <v>4.0499641500590232E-2</v>
      </c>
      <c r="K217" s="196">
        <v>82</v>
      </c>
      <c r="L217" s="202">
        <v>0.2176080628482229</v>
      </c>
      <c r="M217" s="94">
        <v>9.0861621653948954E-2</v>
      </c>
      <c r="N217" s="202">
        <v>0.2714137224963874</v>
      </c>
      <c r="O217" s="94">
        <v>9.7048512921181468E-2</v>
      </c>
      <c r="P217" s="202">
        <v>0.38593301714203387</v>
      </c>
      <c r="Q217" s="94">
        <v>0.10525073651102121</v>
      </c>
      <c r="R217" s="202">
        <v>0.12504519751335658</v>
      </c>
      <c r="S217" s="94">
        <v>7.5385210179908735E-2</v>
      </c>
      <c r="T217" s="196">
        <v>83</v>
      </c>
      <c r="U217" s="202">
        <v>0.25396169385191603</v>
      </c>
      <c r="V217" s="94">
        <v>9.4663010527915661E-2</v>
      </c>
      <c r="W217" s="202">
        <v>0.30205811845195735</v>
      </c>
      <c r="X217" s="94">
        <v>9.9270682298451901E-2</v>
      </c>
      <c r="Y217" s="202">
        <v>0.17234686487153855</v>
      </c>
      <c r="Z217" s="94">
        <v>8.3676539967587032E-2</v>
      </c>
      <c r="AA217" s="202">
        <v>0.27163332282458896</v>
      </c>
      <c r="AB217" s="94">
        <v>9.6498214917509595E-2</v>
      </c>
      <c r="AC217" s="196">
        <v>82</v>
      </c>
      <c r="AD217" s="202">
        <v>0.30099999999999999</v>
      </c>
      <c r="AE217" s="94">
        <v>9.9766505042744855E-2</v>
      </c>
      <c r="AF217" s="202">
        <v>0.26500000000000001</v>
      </c>
      <c r="AG217" s="94">
        <v>9.6398576492083263E-2</v>
      </c>
      <c r="AH217" s="202">
        <v>0.17699999999999999</v>
      </c>
      <c r="AI217" s="94">
        <v>8.4948773904825359E-2</v>
      </c>
      <c r="AJ217" s="202">
        <v>0.25800000000000001</v>
      </c>
      <c r="AK217" s="94">
        <v>9.5663441197052862E-2</v>
      </c>
      <c r="AL217" s="196">
        <v>83</v>
      </c>
      <c r="AM217" s="202">
        <v>0.16500000000000001</v>
      </c>
      <c r="AN217" s="94">
        <v>8.2450210519517564E-2</v>
      </c>
      <c r="AO217" s="202">
        <v>0.17200000000000001</v>
      </c>
      <c r="AP217" s="94">
        <v>8.3619653781257366E-2</v>
      </c>
      <c r="AQ217" s="202">
        <v>0.16699999999999998</v>
      </c>
      <c r="AR217" s="94">
        <v>8.278855020963348E-2</v>
      </c>
      <c r="AS217" s="202">
        <v>0.496</v>
      </c>
      <c r="AT217" s="94">
        <v>0.10720813089815431</v>
      </c>
    </row>
    <row r="218" spans="1:46">
      <c r="A218" s="49" t="s">
        <v>442</v>
      </c>
      <c r="B218" s="199">
        <v>155</v>
      </c>
      <c r="C218" s="203">
        <v>9.0999999999999998E-2</v>
      </c>
      <c r="D218" s="97">
        <v>4.7854544870760303E-2</v>
      </c>
      <c r="E218" s="203">
        <v>0.188</v>
      </c>
      <c r="F218" s="97">
        <v>6.2944960210320894E-2</v>
      </c>
      <c r="G218" s="203">
        <v>0.70399999999999996</v>
      </c>
      <c r="H218" s="97">
        <v>7.2762480585644163E-2</v>
      </c>
      <c r="I218" s="203">
        <v>1.7000000000000001E-2</v>
      </c>
      <c r="J218" s="97">
        <v>2.6682934925432743E-2</v>
      </c>
      <c r="K218" s="199">
        <v>154</v>
      </c>
      <c r="L218" s="203">
        <v>0.1439571707769299</v>
      </c>
      <c r="M218" s="97">
        <v>5.7273674111581151E-2</v>
      </c>
      <c r="N218" s="203">
        <v>0.55622497180959518</v>
      </c>
      <c r="O218" s="97">
        <v>7.9076439479737942E-2</v>
      </c>
      <c r="P218" s="203">
        <v>0.26466703365128386</v>
      </c>
      <c r="Q218" s="97">
        <v>7.0690452242399629E-2</v>
      </c>
      <c r="R218" s="203">
        <v>3.5150823762191412E-2</v>
      </c>
      <c r="S218" s="97">
        <v>3.364661850805109E-2</v>
      </c>
      <c r="T218" s="199">
        <v>156</v>
      </c>
      <c r="U218" s="203">
        <v>0.26096712972724978</v>
      </c>
      <c r="V218" s="97">
        <v>6.99436223213101E-2</v>
      </c>
      <c r="W218" s="203">
        <v>0.46473258511173865</v>
      </c>
      <c r="X218" s="97">
        <v>7.8869769494662637E-2</v>
      </c>
      <c r="Y218" s="203">
        <v>0.13324813878560643</v>
      </c>
      <c r="Z218" s="97">
        <v>5.5257205831270133E-2</v>
      </c>
      <c r="AA218" s="203">
        <v>0.1410521463754055</v>
      </c>
      <c r="AB218" s="97">
        <v>5.6461953834721371E-2</v>
      </c>
      <c r="AC218" s="199">
        <v>156</v>
      </c>
      <c r="AD218" s="203">
        <v>0.23699999999999999</v>
      </c>
      <c r="AE218" s="97">
        <v>6.7868663493360473E-2</v>
      </c>
      <c r="AF218" s="203">
        <v>0.50900000000000001</v>
      </c>
      <c r="AG218" s="97">
        <v>7.9044765698779829E-2</v>
      </c>
      <c r="AH218" s="203">
        <v>0.121</v>
      </c>
      <c r="AI218" s="97">
        <v>5.3256754119782777E-2</v>
      </c>
      <c r="AJ218" s="203">
        <v>0.13300000000000001</v>
      </c>
      <c r="AK218" s="97">
        <v>5.5218038125009472E-2</v>
      </c>
      <c r="AL218" s="199">
        <v>156</v>
      </c>
      <c r="AM218" s="203">
        <v>0.17899999999999999</v>
      </c>
      <c r="AN218" s="97">
        <v>6.1653598713903149E-2</v>
      </c>
      <c r="AO218" s="203">
        <v>0.29499999999999998</v>
      </c>
      <c r="AP218" s="97">
        <v>7.2465506341810648E-2</v>
      </c>
      <c r="AQ218" s="203">
        <v>0.19599999999999998</v>
      </c>
      <c r="AR218" s="97">
        <v>6.366848513982408E-2</v>
      </c>
      <c r="AS218" s="203">
        <v>0.33</v>
      </c>
      <c r="AT218" s="97">
        <v>7.4586684049500418E-2</v>
      </c>
    </row>
    <row r="219" spans="1:46">
      <c r="A219" s="53" t="s">
        <v>443</v>
      </c>
      <c r="B219" s="196">
        <v>146</v>
      </c>
      <c r="C219" s="202">
        <v>0.124</v>
      </c>
      <c r="D219" s="94">
        <v>5.5632968472274037E-2</v>
      </c>
      <c r="E219" s="202">
        <v>0.14299999999999999</v>
      </c>
      <c r="F219" s="94">
        <v>5.8710055833732608E-2</v>
      </c>
      <c r="G219" s="202">
        <v>0.72699999999999998</v>
      </c>
      <c r="H219" s="94">
        <v>7.3245262961985275E-2</v>
      </c>
      <c r="I219" s="202">
        <v>6.0000000000000001E-3</v>
      </c>
      <c r="J219" s="94">
        <v>2.2393878105245475E-2</v>
      </c>
      <c r="K219" s="196">
        <v>146</v>
      </c>
      <c r="L219" s="202">
        <v>0.14117717248969402</v>
      </c>
      <c r="M219" s="94">
        <v>5.8428643812586417E-2</v>
      </c>
      <c r="N219" s="202">
        <v>0.35896906685469837</v>
      </c>
      <c r="O219" s="94">
        <v>7.8512320456158746E-2</v>
      </c>
      <c r="P219" s="202">
        <v>0.42692939265484903</v>
      </c>
      <c r="Q219" s="94">
        <v>8.0819412336727639E-2</v>
      </c>
      <c r="R219" s="202">
        <v>7.292436800075891E-2</v>
      </c>
      <c r="S219" s="94">
        <v>4.5373813553340782E-2</v>
      </c>
      <c r="T219" s="196">
        <v>146</v>
      </c>
      <c r="U219" s="202">
        <v>0.19594872909463859</v>
      </c>
      <c r="V219" s="94">
        <v>6.5811366893640047E-2</v>
      </c>
      <c r="W219" s="202">
        <v>0.32056822384010675</v>
      </c>
      <c r="X219" s="94">
        <v>7.6506810200095574E-2</v>
      </c>
      <c r="Y219" s="202">
        <v>0.18639400897830893</v>
      </c>
      <c r="Z219" s="94">
        <v>6.4668716902557655E-2</v>
      </c>
      <c r="AA219" s="202">
        <v>0.29708903808694609</v>
      </c>
      <c r="AB219" s="94">
        <v>7.5009999127789398E-2</v>
      </c>
      <c r="AC219" s="196">
        <v>147</v>
      </c>
      <c r="AD219" s="202">
        <v>0.20599999999999999</v>
      </c>
      <c r="AE219" s="94">
        <v>6.6727226994890337E-2</v>
      </c>
      <c r="AF219" s="202">
        <v>0.34499999999999997</v>
      </c>
      <c r="AG219" s="94">
        <v>7.7584559939406231E-2</v>
      </c>
      <c r="AH219" s="202">
        <v>0.19500000000000001</v>
      </c>
      <c r="AI219" s="94">
        <v>6.5475984977760873E-2</v>
      </c>
      <c r="AJ219" s="202">
        <v>0.254</v>
      </c>
      <c r="AK219" s="94">
        <v>7.1437033857400981E-2</v>
      </c>
      <c r="AL219" s="196">
        <v>147</v>
      </c>
      <c r="AM219" s="202">
        <v>0.10299999999999999</v>
      </c>
      <c r="AN219" s="94">
        <v>5.1630513012019853E-2</v>
      </c>
      <c r="AO219" s="202">
        <v>0.30299999999999999</v>
      </c>
      <c r="AP219" s="94">
        <v>7.5154564400076534E-2</v>
      </c>
      <c r="AQ219" s="202">
        <v>0.246</v>
      </c>
      <c r="AR219" s="94">
        <v>7.0730679167474733E-2</v>
      </c>
      <c r="AS219" s="202">
        <v>0.34799999999999998</v>
      </c>
      <c r="AT219" s="94">
        <v>7.7733428055726514E-2</v>
      </c>
    </row>
    <row r="220" spans="1:46">
      <c r="A220" s="49" t="s">
        <v>444</v>
      </c>
      <c r="B220" s="199">
        <v>761</v>
      </c>
      <c r="C220" s="203">
        <v>0.20399999999999999</v>
      </c>
      <c r="D220" s="97">
        <v>2.9220625747698851E-2</v>
      </c>
      <c r="E220" s="203">
        <v>0.17399999999999999</v>
      </c>
      <c r="F220" s="97">
        <v>2.7518975264973791E-2</v>
      </c>
      <c r="G220" s="203">
        <v>0.60799999999999998</v>
      </c>
      <c r="H220" s="97">
        <v>3.5310585172773398E-2</v>
      </c>
      <c r="I220" s="203">
        <v>1.4E-2</v>
      </c>
      <c r="J220" s="97">
        <v>9.2227527546906926E-3</v>
      </c>
      <c r="K220" s="199">
        <v>762</v>
      </c>
      <c r="L220" s="203">
        <v>0.27150863471722447</v>
      </c>
      <c r="M220" s="97">
        <v>3.2182210416297007E-2</v>
      </c>
      <c r="N220" s="203">
        <v>0.46324370340358267</v>
      </c>
      <c r="O220" s="97">
        <v>3.603472706716683E-2</v>
      </c>
      <c r="P220" s="203">
        <v>0.19549344707193575</v>
      </c>
      <c r="Q220" s="97">
        <v>2.8745904932323985E-2</v>
      </c>
      <c r="R220" s="203">
        <v>6.9754214807255188E-2</v>
      </c>
      <c r="S220" s="97">
        <v>1.8679206867333084E-2</v>
      </c>
      <c r="T220" s="199">
        <v>766</v>
      </c>
      <c r="U220" s="203">
        <v>0.3900763488267881</v>
      </c>
      <c r="V220" s="97">
        <v>3.5165065653872951E-2</v>
      </c>
      <c r="W220" s="203">
        <v>0.32142212923467195</v>
      </c>
      <c r="X220" s="97">
        <v>3.3686130233374578E-2</v>
      </c>
      <c r="Y220" s="203">
        <v>0.12424853308968013</v>
      </c>
      <c r="Z220" s="97">
        <v>2.393431763201263E-2</v>
      </c>
      <c r="AA220" s="203">
        <v>0.16425298884885742</v>
      </c>
      <c r="AB220" s="97">
        <v>2.6817525019691976E-2</v>
      </c>
      <c r="AC220" s="199">
        <v>765</v>
      </c>
      <c r="AD220" s="203">
        <v>0.38900000000000001</v>
      </c>
      <c r="AE220" s="97">
        <v>3.5170537046903996E-2</v>
      </c>
      <c r="AF220" s="203">
        <v>0.31900000000000001</v>
      </c>
      <c r="AG220" s="97">
        <v>3.3641491677968954E-2</v>
      </c>
      <c r="AH220" s="203">
        <v>0.11699999999999999</v>
      </c>
      <c r="AI220" s="97">
        <v>2.3351562524386728E-2</v>
      </c>
      <c r="AJ220" s="203">
        <v>0.17499999999999999</v>
      </c>
      <c r="AK220" s="97">
        <v>2.7507745388455879E-2</v>
      </c>
      <c r="AL220" s="199">
        <v>767</v>
      </c>
      <c r="AM220" s="203">
        <v>0.18099999999999999</v>
      </c>
      <c r="AN220" s="97">
        <v>2.7830517905616615E-2</v>
      </c>
      <c r="AO220" s="203">
        <v>0.38400000000000001</v>
      </c>
      <c r="AP220" s="97">
        <v>3.5041813754797188E-2</v>
      </c>
      <c r="AQ220" s="203">
        <v>0.16</v>
      </c>
      <c r="AR220" s="97">
        <v>2.6523256045906874E-2</v>
      </c>
      <c r="AS220" s="203">
        <v>0.27400000000000002</v>
      </c>
      <c r="AT220" s="97">
        <v>3.2167895855100923E-2</v>
      </c>
    </row>
    <row r="221" spans="1:46">
      <c r="A221" s="45" t="s">
        <v>445</v>
      </c>
      <c r="B221" s="196">
        <v>551</v>
      </c>
      <c r="C221" s="202">
        <v>0.21099999999999999</v>
      </c>
      <c r="D221" s="94">
        <v>3.4763402927512121E-2</v>
      </c>
      <c r="E221" s="202">
        <v>0.186</v>
      </c>
      <c r="F221" s="94">
        <v>3.3187437344144852E-2</v>
      </c>
      <c r="G221" s="202">
        <v>0.59899999999999998</v>
      </c>
      <c r="H221" s="94">
        <v>4.1619448552709729E-2</v>
      </c>
      <c r="I221" s="202">
        <v>4.0000000000000001E-3</v>
      </c>
      <c r="J221" s="94">
        <v>7.3606685761191688E-3</v>
      </c>
      <c r="K221" s="196">
        <v>551</v>
      </c>
      <c r="L221" s="202">
        <v>0.26</v>
      </c>
      <c r="M221" s="94">
        <v>3.7317945185007494E-2</v>
      </c>
      <c r="N221" s="202">
        <v>0.47899999999999998</v>
      </c>
      <c r="O221" s="94">
        <v>4.2410718843110533E-2</v>
      </c>
      <c r="P221" s="202">
        <v>0.21600000000000003</v>
      </c>
      <c r="Q221" s="94">
        <v>3.5054903596223187E-2</v>
      </c>
      <c r="R221" s="202">
        <v>4.4999999999999998E-2</v>
      </c>
      <c r="S221" s="94">
        <v>1.8197790277012894E-2</v>
      </c>
      <c r="T221" s="196">
        <v>555</v>
      </c>
      <c r="U221" s="202">
        <v>0.47299999999999998</v>
      </c>
      <c r="V221" s="94">
        <v>4.2234662242432955E-2</v>
      </c>
      <c r="W221" s="202">
        <v>0.27900000000000003</v>
      </c>
      <c r="X221" s="94">
        <v>3.8005317011780289E-2</v>
      </c>
      <c r="Y221" s="202">
        <v>8.1000000000000003E-2</v>
      </c>
      <c r="Z221" s="94">
        <v>2.346428208974586E-2</v>
      </c>
      <c r="AA221" s="202">
        <v>0.16600000000000001</v>
      </c>
      <c r="AB221" s="94">
        <v>3.1654982174975629E-2</v>
      </c>
      <c r="AC221" s="196">
        <v>554</v>
      </c>
      <c r="AD221" s="202">
        <v>0.45500000000000002</v>
      </c>
      <c r="AE221" s="94">
        <v>4.2164036060558421E-2</v>
      </c>
      <c r="AF221" s="202">
        <v>0.33499999999999996</v>
      </c>
      <c r="AG221" s="94">
        <v>3.9996767214792041E-2</v>
      </c>
      <c r="AH221" s="202">
        <v>5.8999999999999997E-2</v>
      </c>
      <c r="AI221" s="94">
        <v>2.0442640148917997E-2</v>
      </c>
      <c r="AJ221" s="202">
        <v>0.151</v>
      </c>
      <c r="AK221" s="94">
        <v>3.0519867426943778E-2</v>
      </c>
      <c r="AL221" s="196">
        <v>556</v>
      </c>
      <c r="AM221" s="202">
        <v>0.219</v>
      </c>
      <c r="AN221" s="94">
        <v>3.506758634238271E-2</v>
      </c>
      <c r="AO221" s="202">
        <v>0.34799999999999998</v>
      </c>
      <c r="AP221" s="94">
        <v>4.0286906625863567E-2</v>
      </c>
      <c r="AQ221" s="202">
        <v>0.13400000000000001</v>
      </c>
      <c r="AR221" s="94">
        <v>2.9025951768947983E-2</v>
      </c>
      <c r="AS221" s="202">
        <v>0.29899999999999999</v>
      </c>
      <c r="AT221" s="94">
        <v>3.874588419315813E-2</v>
      </c>
    </row>
    <row r="222" spans="1:46" ht="25.5">
      <c r="A222" s="49" t="s">
        <v>450</v>
      </c>
      <c r="B222" s="199">
        <v>140</v>
      </c>
      <c r="C222" s="203">
        <v>0.36599999999999999</v>
      </c>
      <c r="D222" s="97">
        <v>8.0454904659774742E-2</v>
      </c>
      <c r="E222" s="203">
        <v>0.183</v>
      </c>
      <c r="F222" s="97">
        <v>6.5620157898312395E-2</v>
      </c>
      <c r="G222" s="203">
        <v>0.45</v>
      </c>
      <c r="H222" s="97">
        <v>8.2938558228456624E-2</v>
      </c>
      <c r="I222" s="203">
        <v>0</v>
      </c>
      <c r="J222" s="97">
        <v>1.9504976326797124E-2</v>
      </c>
      <c r="K222" s="199">
        <v>139</v>
      </c>
      <c r="L222" s="203">
        <v>0.43877656709739227</v>
      </c>
      <c r="M222" s="97">
        <v>8.3029770387967147E-2</v>
      </c>
      <c r="N222" s="203">
        <v>0.36672805830629585</v>
      </c>
      <c r="O222" s="97">
        <v>8.0768743133625268E-2</v>
      </c>
      <c r="P222" s="203">
        <v>0.16509518425576597</v>
      </c>
      <c r="Q222" s="97">
        <v>6.3471982702488869E-2</v>
      </c>
      <c r="R222" s="203">
        <v>2.9400190340545546E-2</v>
      </c>
      <c r="S222" s="97">
        <v>3.3762702344991541E-2</v>
      </c>
      <c r="T222" s="199">
        <v>140</v>
      </c>
      <c r="U222" s="203">
        <v>0.54483996207868168</v>
      </c>
      <c r="V222" s="97">
        <v>8.3015983673168217E-2</v>
      </c>
      <c r="W222" s="203">
        <v>0.19705921216475522</v>
      </c>
      <c r="X222" s="97">
        <v>6.7341289379592481E-2</v>
      </c>
      <c r="Y222" s="203">
        <v>0.13166642283023572</v>
      </c>
      <c r="Z222" s="97">
        <v>5.8157567080656607E-2</v>
      </c>
      <c r="AA222" s="203">
        <v>0.12643440292632727</v>
      </c>
      <c r="AB222" s="97">
        <v>5.7274658387568816E-2</v>
      </c>
      <c r="AC222" s="199">
        <v>140</v>
      </c>
      <c r="AD222" s="203">
        <v>0.52800000000000002</v>
      </c>
      <c r="AE222" s="97">
        <v>8.320973344128077E-2</v>
      </c>
      <c r="AF222" s="203">
        <v>0.27200000000000002</v>
      </c>
      <c r="AG222" s="97">
        <v>7.4696401982530622E-2</v>
      </c>
      <c r="AH222" s="203">
        <v>0.124</v>
      </c>
      <c r="AI222" s="97">
        <v>5.6854867817215361E-2</v>
      </c>
      <c r="AJ222" s="203">
        <v>7.6999999999999999E-2</v>
      </c>
      <c r="AK222" s="97">
        <v>4.7397092474117018E-2</v>
      </c>
      <c r="AL222" s="199">
        <v>140</v>
      </c>
      <c r="AM222" s="203">
        <v>0.372</v>
      </c>
      <c r="AN222" s="97">
        <v>8.0711003698193604E-2</v>
      </c>
      <c r="AO222" s="203">
        <v>0.26800000000000002</v>
      </c>
      <c r="AP222" s="97">
        <v>7.43723162649369E-2</v>
      </c>
      <c r="AQ222" s="203">
        <v>0.21700000000000003</v>
      </c>
      <c r="AR222" s="97">
        <v>6.9581804737898184E-2</v>
      </c>
      <c r="AS222" s="203">
        <v>0.14299999999999999</v>
      </c>
      <c r="AT222" s="97">
        <v>5.9984525718032346E-2</v>
      </c>
    </row>
    <row r="223" spans="1:46">
      <c r="A223" s="53" t="s">
        <v>447</v>
      </c>
      <c r="B223" s="196">
        <v>182</v>
      </c>
      <c r="C223" s="202">
        <v>8.5999999999999993E-2</v>
      </c>
      <c r="D223" s="94">
        <v>4.2979515885629031E-2</v>
      </c>
      <c r="E223" s="202">
        <v>0.16300000000000001</v>
      </c>
      <c r="F223" s="94">
        <v>5.5117306893669948E-2</v>
      </c>
      <c r="G223" s="202">
        <v>0.75</v>
      </c>
      <c r="H223" s="94">
        <v>6.3948781078663808E-2</v>
      </c>
      <c r="I223" s="202">
        <v>0</v>
      </c>
      <c r="J223" s="94">
        <v>1.5124620581124137E-2</v>
      </c>
      <c r="K223" s="196">
        <v>183</v>
      </c>
      <c r="L223" s="202">
        <v>0.24776863769631724</v>
      </c>
      <c r="M223" s="94">
        <v>6.3594970007288532E-2</v>
      </c>
      <c r="N223" s="202">
        <v>0.45657392240635952</v>
      </c>
      <c r="O223" s="94">
        <v>7.2862626571032513E-2</v>
      </c>
      <c r="P223" s="202">
        <v>0.25347372017250774</v>
      </c>
      <c r="Q223" s="94">
        <v>6.4051615986274915E-2</v>
      </c>
      <c r="R223" s="202">
        <v>4.2183719724815348E-2</v>
      </c>
      <c r="S223" s="94">
        <v>3.246553625682088E-2</v>
      </c>
      <c r="T223" s="196">
        <v>184</v>
      </c>
      <c r="U223" s="202">
        <v>0.4677135838777417</v>
      </c>
      <c r="V223" s="94">
        <v>7.2786699952129524E-2</v>
      </c>
      <c r="W223" s="202">
        <v>0.27908600171447051</v>
      </c>
      <c r="X223" s="94">
        <v>6.5760952608973119E-2</v>
      </c>
      <c r="Y223" s="202">
        <v>6.0467231974451488E-2</v>
      </c>
      <c r="Z223" s="94">
        <v>3.7172485023674186E-2</v>
      </c>
      <c r="AA223" s="202">
        <v>0.19273318243333626</v>
      </c>
      <c r="AB223" s="94">
        <v>5.8266068518395581E-2</v>
      </c>
      <c r="AC223" s="196">
        <v>184</v>
      </c>
      <c r="AD223" s="202">
        <v>0.42199999999999999</v>
      </c>
      <c r="AE223" s="94">
        <v>7.2077402164323165E-2</v>
      </c>
      <c r="AF223" s="202">
        <v>0.32200000000000001</v>
      </c>
      <c r="AG223" s="94">
        <v>6.8362287752490994E-2</v>
      </c>
      <c r="AH223" s="202">
        <v>6.8000000000000005E-2</v>
      </c>
      <c r="AI223" s="94">
        <v>3.8930643001457106E-2</v>
      </c>
      <c r="AJ223" s="202">
        <v>0.188</v>
      </c>
      <c r="AK223" s="94">
        <v>5.775115930929918E-2</v>
      </c>
      <c r="AL223" s="196">
        <v>184</v>
      </c>
      <c r="AM223" s="202">
        <v>0.16400000000000001</v>
      </c>
      <c r="AN223" s="94">
        <v>5.4938452568270534E-2</v>
      </c>
      <c r="AO223" s="202">
        <v>0.39200000000000002</v>
      </c>
      <c r="AP223" s="94">
        <v>7.1284127356244287E-2</v>
      </c>
      <c r="AQ223" s="202">
        <v>0.128</v>
      </c>
      <c r="AR223" s="94">
        <v>4.9987665565871621E-2</v>
      </c>
      <c r="AS223" s="202">
        <v>0.316</v>
      </c>
      <c r="AT223" s="94">
        <v>6.8037748355276886E-2</v>
      </c>
    </row>
    <row r="224" spans="1:46">
      <c r="A224" s="49" t="s">
        <v>446</v>
      </c>
      <c r="B224" s="199">
        <v>118</v>
      </c>
      <c r="C224" s="203">
        <v>0.105</v>
      </c>
      <c r="D224" s="97">
        <v>5.8404587684952422E-2</v>
      </c>
      <c r="E224" s="203">
        <v>0.17499999999999999</v>
      </c>
      <c r="F224" s="97">
        <v>7.0405775834731871E-2</v>
      </c>
      <c r="G224" s="203">
        <v>0.72</v>
      </c>
      <c r="H224" s="97">
        <v>8.1927945444952216E-2</v>
      </c>
      <c r="I224" s="203">
        <v>0</v>
      </c>
      <c r="J224" s="97">
        <v>2.2993012239943496E-2</v>
      </c>
      <c r="K224" s="199">
        <v>117</v>
      </c>
      <c r="L224" s="203">
        <v>0.29084538870880872</v>
      </c>
      <c r="M224" s="97">
        <v>8.3140589257949274E-2</v>
      </c>
      <c r="N224" s="203">
        <v>0.48705385105553822</v>
      </c>
      <c r="O224" s="97">
        <v>9.0880594668827336E-2</v>
      </c>
      <c r="P224" s="203">
        <v>0.2016937383574971</v>
      </c>
      <c r="Q224" s="97">
        <v>7.4256544589832524E-2</v>
      </c>
      <c r="R224" s="203">
        <v>2.0407021878156795E-2</v>
      </c>
      <c r="S224" s="97">
        <v>3.3989036041508033E-2</v>
      </c>
      <c r="T224" s="199">
        <v>118</v>
      </c>
      <c r="U224" s="203">
        <v>0.49738374460445484</v>
      </c>
      <c r="V224" s="97">
        <v>9.0534586577932008E-2</v>
      </c>
      <c r="W224" s="203">
        <v>0.25200084073959034</v>
      </c>
      <c r="X224" s="97">
        <v>7.9437226217760087E-2</v>
      </c>
      <c r="Y224" s="203">
        <v>4.5212923787419465E-2</v>
      </c>
      <c r="Z224" s="97">
        <v>4.3043661798271654E-2</v>
      </c>
      <c r="AA224" s="203">
        <v>0.20540249086853571</v>
      </c>
      <c r="AB224" s="97">
        <v>7.4395929911491882E-2</v>
      </c>
      <c r="AC224" s="199">
        <v>118</v>
      </c>
      <c r="AD224" s="203">
        <v>0.442</v>
      </c>
      <c r="AE224" s="97">
        <v>8.9964104669081585E-2</v>
      </c>
      <c r="AF224" s="203">
        <v>0.29499999999999998</v>
      </c>
      <c r="AG224" s="97">
        <v>8.3112714633027718E-2</v>
      </c>
      <c r="AH224" s="203">
        <v>5.6000000000000001E-2</v>
      </c>
      <c r="AI224" s="97">
        <v>4.6369518532703768E-2</v>
      </c>
      <c r="AJ224" s="203">
        <v>0.20699999999999999</v>
      </c>
      <c r="AK224" s="97">
        <v>7.4589182329614007E-2</v>
      </c>
      <c r="AL224" s="199">
        <v>118</v>
      </c>
      <c r="AM224" s="203">
        <v>0.15</v>
      </c>
      <c r="AN224" s="97">
        <v>6.6628675423325748E-2</v>
      </c>
      <c r="AO224" s="203">
        <v>0.40699999999999997</v>
      </c>
      <c r="AP224" s="97">
        <v>8.9058619494351746E-2</v>
      </c>
      <c r="AQ224" s="203">
        <v>9.5000000000000001E-2</v>
      </c>
      <c r="AR224" s="97">
        <v>5.6264718041253894E-2</v>
      </c>
      <c r="AS224" s="203">
        <v>0.34899999999999998</v>
      </c>
      <c r="AT224" s="97">
        <v>8.6587326700275538E-2</v>
      </c>
    </row>
    <row r="225" spans="1:46">
      <c r="A225" s="57" t="s">
        <v>451</v>
      </c>
      <c r="B225" s="196">
        <v>175</v>
      </c>
      <c r="C225" s="202">
        <v>0.192</v>
      </c>
      <c r="D225" s="94">
        <v>5.966917371099846E-2</v>
      </c>
      <c r="E225" s="202">
        <v>0.16200000000000001</v>
      </c>
      <c r="F225" s="94">
        <v>5.6093463144762282E-2</v>
      </c>
      <c r="G225" s="202">
        <v>0.61</v>
      </c>
      <c r="H225" s="94">
        <v>7.2994182038696009E-2</v>
      </c>
      <c r="I225" s="202">
        <v>3.5999999999999997E-2</v>
      </c>
      <c r="J225" s="94">
        <v>3.1434478222542431E-2</v>
      </c>
      <c r="K225" s="196">
        <v>176</v>
      </c>
      <c r="L225" s="202">
        <v>0.26838735765847149</v>
      </c>
      <c r="M225" s="94">
        <v>6.6451868815569456E-2</v>
      </c>
      <c r="N225" s="202">
        <v>0.48539238900136661</v>
      </c>
      <c r="O225" s="94">
        <v>7.4505181920405894E-2</v>
      </c>
      <c r="P225" s="202">
        <v>0.13546931512487267</v>
      </c>
      <c r="Q225" s="94">
        <v>5.2272289869543673E-2</v>
      </c>
      <c r="R225" s="202">
        <v>0.11075093821528834</v>
      </c>
      <c r="S225" s="94">
        <v>4.8337778714698708E-2</v>
      </c>
      <c r="T225" s="196">
        <v>176</v>
      </c>
      <c r="U225" s="202">
        <v>0.22356512537411288</v>
      </c>
      <c r="V225" s="94">
        <v>6.2706069350955532E-2</v>
      </c>
      <c r="W225" s="202">
        <v>0.4138188073052963</v>
      </c>
      <c r="X225" s="94">
        <v>7.3469454266741674E-2</v>
      </c>
      <c r="Y225" s="202">
        <v>0.19074751852095023</v>
      </c>
      <c r="Z225" s="94">
        <v>5.9360707573027527E-2</v>
      </c>
      <c r="AA225" s="202">
        <v>0.17186854879963934</v>
      </c>
      <c r="AB225" s="94">
        <v>5.7166797794123744E-2</v>
      </c>
      <c r="AC225" s="196">
        <v>176</v>
      </c>
      <c r="AD225" s="202">
        <v>0.28000000000000003</v>
      </c>
      <c r="AE225" s="94">
        <v>6.7285000784646262E-2</v>
      </c>
      <c r="AF225" s="202">
        <v>0.35199999999999998</v>
      </c>
      <c r="AG225" s="94">
        <v>7.1345589962751435E-2</v>
      </c>
      <c r="AH225" s="202">
        <v>0.17699999999999999</v>
      </c>
      <c r="AI225" s="94">
        <v>5.7784335430329459E-2</v>
      </c>
      <c r="AJ225" s="202">
        <v>0.191</v>
      </c>
      <c r="AK225" s="94">
        <v>5.9388635068577236E-2</v>
      </c>
      <c r="AL225" s="196">
        <v>176</v>
      </c>
      <c r="AM225" s="202">
        <v>9.9000000000000005E-2</v>
      </c>
      <c r="AN225" s="94">
        <v>4.6252039765200641E-2</v>
      </c>
      <c r="AO225" s="202">
        <v>0.45100000000000001</v>
      </c>
      <c r="AP225" s="94">
        <v>7.4192620991593183E-2</v>
      </c>
      <c r="AQ225" s="202">
        <v>0.189</v>
      </c>
      <c r="AR225" s="94">
        <v>5.9166422094202684E-2</v>
      </c>
      <c r="AS225" s="202">
        <v>0.26</v>
      </c>
      <c r="AT225" s="94">
        <v>6.5816505115958657E-2</v>
      </c>
    </row>
    <row r="226" spans="1:46">
      <c r="A226" s="49" t="s">
        <v>448</v>
      </c>
      <c r="B226" s="199">
        <v>114</v>
      </c>
      <c r="C226" s="203">
        <v>0.152</v>
      </c>
      <c r="D226" s="97">
        <v>6.8139259363895172E-2</v>
      </c>
      <c r="E226" s="203">
        <v>0.127</v>
      </c>
      <c r="F226" s="97">
        <v>6.3817430838616157E-2</v>
      </c>
      <c r="G226" s="203">
        <v>0.72099999999999997</v>
      </c>
      <c r="H226" s="97">
        <v>8.3242372538882864E-2</v>
      </c>
      <c r="I226" s="203">
        <v>0</v>
      </c>
      <c r="J226" s="97">
        <v>2.3765720057393202E-2</v>
      </c>
      <c r="K226" s="199">
        <v>116</v>
      </c>
      <c r="L226" s="203">
        <v>0.18754029408759315</v>
      </c>
      <c r="M226" s="97">
        <v>7.2748239628525321E-2</v>
      </c>
      <c r="N226" s="203">
        <v>0.45603285498014368</v>
      </c>
      <c r="O226" s="97">
        <v>9.095669596908787E-2</v>
      </c>
      <c r="P226" s="203">
        <v>0.24737958646151997</v>
      </c>
      <c r="Q226" s="97">
        <v>7.9658958558792278E-2</v>
      </c>
      <c r="R226" s="203">
        <v>0.10904726447074278</v>
      </c>
      <c r="S226" s="97">
        <v>5.9770598856709781E-2</v>
      </c>
      <c r="T226" s="199">
        <v>116</v>
      </c>
      <c r="U226" s="203">
        <v>0.45189670664802095</v>
      </c>
      <c r="V226" s="97">
        <v>9.0891467132992301E-2</v>
      </c>
      <c r="W226" s="203">
        <v>0.34106043287658738</v>
      </c>
      <c r="X226" s="97">
        <v>8.687045228730074E-2</v>
      </c>
      <c r="Y226" s="203">
        <v>6.105353136105425E-2</v>
      </c>
      <c r="Z226" s="97">
        <v>4.828969832628003E-2</v>
      </c>
      <c r="AA226" s="203">
        <v>0.1459893291143371</v>
      </c>
      <c r="AB226" s="97">
        <v>6.6556266967111061E-2</v>
      </c>
      <c r="AC226" s="199">
        <v>115</v>
      </c>
      <c r="AD226" s="203">
        <v>0.441</v>
      </c>
      <c r="AE226" s="97">
        <v>9.1071877375938984E-2</v>
      </c>
      <c r="AF226" s="203">
        <v>0.28500000000000003</v>
      </c>
      <c r="AG226" s="97">
        <v>8.3380334435616044E-2</v>
      </c>
      <c r="AH226" s="203">
        <v>6.0999999999999999E-2</v>
      </c>
      <c r="AI226" s="97">
        <v>4.8513113586887494E-2</v>
      </c>
      <c r="AJ226" s="203">
        <v>0.21299999999999999</v>
      </c>
      <c r="AK226" s="97">
        <v>7.6273577926917052E-2</v>
      </c>
      <c r="AL226" s="199">
        <v>116</v>
      </c>
      <c r="AM226" s="203">
        <v>0.129</v>
      </c>
      <c r="AN226" s="97">
        <v>6.3608734259330099E-2</v>
      </c>
      <c r="AO226" s="203">
        <v>0.45099999999999996</v>
      </c>
      <c r="AP226" s="97">
        <v>9.0876546092100302E-2</v>
      </c>
      <c r="AQ226" s="203">
        <v>8.6999999999999994E-2</v>
      </c>
      <c r="AR226" s="97">
        <v>5.4958392005696924E-2</v>
      </c>
      <c r="AS226" s="203">
        <v>0.33200000000000002</v>
      </c>
      <c r="AT226" s="97">
        <v>8.6337755356506687E-2</v>
      </c>
    </row>
    <row r="227" spans="1:46">
      <c r="A227" s="57" t="s">
        <v>449</v>
      </c>
      <c r="B227" s="196">
        <v>141</v>
      </c>
      <c r="C227" s="202">
        <v>0.2</v>
      </c>
      <c r="D227" s="94">
        <v>6.7445411356586493E-2</v>
      </c>
      <c r="E227" s="202">
        <v>0.161</v>
      </c>
      <c r="F227" s="94">
        <v>6.2440485147149963E-2</v>
      </c>
      <c r="G227" s="202">
        <v>0.61799999999999999</v>
      </c>
      <c r="H227" s="94">
        <v>8.0829087379987785E-2</v>
      </c>
      <c r="I227" s="202">
        <v>2.1000000000000001E-2</v>
      </c>
      <c r="J227" s="94">
        <v>3.0191667937122222E-2</v>
      </c>
      <c r="K227" s="196">
        <v>140</v>
      </c>
      <c r="L227" s="202">
        <v>0.10205694849902215</v>
      </c>
      <c r="M227" s="94">
        <v>5.2788056688408434E-2</v>
      </c>
      <c r="N227" s="202">
        <v>0.57281901769806987</v>
      </c>
      <c r="O227" s="94">
        <v>8.2493752044495258E-2</v>
      </c>
      <c r="P227" s="202">
        <v>0.28537567067652059</v>
      </c>
      <c r="Q227" s="94">
        <v>7.5729772400158837E-2</v>
      </c>
      <c r="R227" s="202">
        <v>3.9748363126386958E-2</v>
      </c>
      <c r="S227" s="94">
        <v>3.7183255260582512E-2</v>
      </c>
      <c r="T227" s="196">
        <v>141</v>
      </c>
      <c r="U227" s="202">
        <v>0.38986221569977209</v>
      </c>
      <c r="V227" s="94">
        <v>8.1117997828147673E-2</v>
      </c>
      <c r="W227" s="202">
        <v>0.26356904202685472</v>
      </c>
      <c r="X227" s="94">
        <v>7.3745504284701058E-2</v>
      </c>
      <c r="Y227" s="202">
        <v>0.13093172652132828</v>
      </c>
      <c r="Z227" s="94">
        <v>5.7822573805628413E-2</v>
      </c>
      <c r="AA227" s="202">
        <v>0.21563701575204455</v>
      </c>
      <c r="AB227" s="94">
        <v>6.9189898748872686E-2</v>
      </c>
      <c r="AC227" s="196">
        <v>141</v>
      </c>
      <c r="AD227" s="202">
        <v>0.29899999999999999</v>
      </c>
      <c r="AE227" s="94">
        <v>7.6437448048614715E-2</v>
      </c>
      <c r="AF227" s="202">
        <v>0.38500000000000001</v>
      </c>
      <c r="AG227" s="94">
        <v>8.0941799603919604E-2</v>
      </c>
      <c r="AH227" s="202">
        <v>5.5999999999999994E-2</v>
      </c>
      <c r="AI227" s="94">
        <v>4.1883400943464509E-2</v>
      </c>
      <c r="AJ227" s="202">
        <v>0.26200000000000001</v>
      </c>
      <c r="AK227" s="94">
        <v>7.3613731888076753E-2</v>
      </c>
      <c r="AL227" s="196">
        <v>142</v>
      </c>
      <c r="AM227" s="202">
        <v>0.112</v>
      </c>
      <c r="AN227" s="94">
        <v>5.4292961396791461E-2</v>
      </c>
      <c r="AO227" s="202">
        <v>0.29100000000000004</v>
      </c>
      <c r="AP227" s="94">
        <v>7.5612511116370851E-2</v>
      </c>
      <c r="AQ227" s="202">
        <v>0.15</v>
      </c>
      <c r="AR227" s="94">
        <v>6.0617909342829283E-2</v>
      </c>
      <c r="AS227" s="202">
        <v>0.44700000000000001</v>
      </c>
      <c r="AT227" s="94">
        <v>8.2319592592062146E-2</v>
      </c>
    </row>
    <row r="235" spans="1:46" ht="18.75">
      <c r="A235" s="317" t="s">
        <v>16</v>
      </c>
      <c r="B235" s="317"/>
      <c r="C235" s="317"/>
      <c r="D235" s="317"/>
    </row>
    <row r="236" spans="1:46" ht="87" customHeight="1">
      <c r="A236" s="387" t="s">
        <v>495</v>
      </c>
      <c r="B236" s="387"/>
      <c r="C236" s="387"/>
      <c r="D236" s="387"/>
    </row>
    <row r="237" spans="1:46" ht="38.25" customHeight="1">
      <c r="A237" s="365" t="s">
        <v>168</v>
      </c>
      <c r="B237" s="365"/>
      <c r="C237" s="365"/>
      <c r="D237" s="365"/>
    </row>
    <row r="238" spans="1:46" ht="40.5" customHeight="1">
      <c r="A238" s="37" t="s">
        <v>85</v>
      </c>
      <c r="B238" s="38" t="s">
        <v>86</v>
      </c>
      <c r="C238" s="39" t="s">
        <v>87</v>
      </c>
      <c r="D238" s="40" t="s">
        <v>88</v>
      </c>
    </row>
    <row r="239" spans="1:46" ht="72">
      <c r="A239" s="41"/>
      <c r="B239" s="42" t="s">
        <v>89</v>
      </c>
      <c r="C239" s="126" t="s">
        <v>169</v>
      </c>
      <c r="D239" s="44" t="s">
        <v>91</v>
      </c>
    </row>
    <row r="240" spans="1:46">
      <c r="A240" s="45" t="s">
        <v>435</v>
      </c>
      <c r="B240" s="204">
        <v>11010</v>
      </c>
      <c r="C240" s="84">
        <v>5.5</v>
      </c>
      <c r="D240" s="85">
        <v>1.9599999999999999E-2</v>
      </c>
    </row>
    <row r="241" spans="1:4">
      <c r="A241" s="49" t="s">
        <v>436</v>
      </c>
      <c r="B241" s="49">
        <v>8885</v>
      </c>
      <c r="C241" s="206">
        <v>5.61</v>
      </c>
      <c r="D241" s="207">
        <v>1.9599999999999999E-2</v>
      </c>
    </row>
    <row r="242" spans="1:4">
      <c r="A242" s="53" t="s">
        <v>437</v>
      </c>
      <c r="B242" s="53">
        <v>1962</v>
      </c>
      <c r="C242" s="84">
        <v>5.36</v>
      </c>
      <c r="D242" s="85">
        <v>5.8799999999999998E-2</v>
      </c>
    </row>
    <row r="243" spans="1:4">
      <c r="A243" s="49" t="s">
        <v>438</v>
      </c>
      <c r="B243" s="49">
        <v>98</v>
      </c>
      <c r="C243" s="206">
        <v>5.61</v>
      </c>
      <c r="D243" s="207">
        <v>0.27440000000000003</v>
      </c>
    </row>
    <row r="244" spans="1:4">
      <c r="A244" s="53" t="s">
        <v>439</v>
      </c>
      <c r="B244" s="53">
        <v>683</v>
      </c>
      <c r="C244" s="84">
        <v>5.72</v>
      </c>
      <c r="D244" s="85">
        <v>7.8399999999999997E-2</v>
      </c>
    </row>
    <row r="245" spans="1:4">
      <c r="A245" s="49" t="s">
        <v>440</v>
      </c>
      <c r="B245" s="49">
        <v>293</v>
      </c>
      <c r="C245" s="206">
        <v>5.8</v>
      </c>
      <c r="D245" s="207">
        <v>0.1176</v>
      </c>
    </row>
    <row r="246" spans="1:4">
      <c r="A246" s="53" t="s">
        <v>441</v>
      </c>
      <c r="B246" s="53">
        <v>82</v>
      </c>
      <c r="C246" s="84">
        <v>5.62</v>
      </c>
      <c r="D246" s="85">
        <v>0.25480000000000003</v>
      </c>
    </row>
    <row r="247" spans="1:4">
      <c r="A247" s="49" t="s">
        <v>442</v>
      </c>
      <c r="B247" s="49">
        <v>155</v>
      </c>
      <c r="C247" s="206">
        <v>5.65</v>
      </c>
      <c r="D247" s="207">
        <v>0.1764</v>
      </c>
    </row>
    <row r="248" spans="1:4">
      <c r="A248" s="53" t="s">
        <v>443</v>
      </c>
      <c r="B248" s="53">
        <v>147</v>
      </c>
      <c r="C248" s="84">
        <v>5.67</v>
      </c>
      <c r="D248" s="85">
        <v>0.1764</v>
      </c>
    </row>
    <row r="249" spans="1:4">
      <c r="A249" s="49" t="s">
        <v>444</v>
      </c>
      <c r="B249" s="49">
        <v>763</v>
      </c>
      <c r="C249" s="206">
        <v>5.49</v>
      </c>
      <c r="D249" s="207">
        <v>7.8399999999999997E-2</v>
      </c>
    </row>
    <row r="250" spans="1:4">
      <c r="A250" s="45" t="s">
        <v>445</v>
      </c>
      <c r="B250" s="204">
        <v>555</v>
      </c>
      <c r="C250" s="84">
        <v>5.7</v>
      </c>
      <c r="D250" s="85">
        <v>9.8000000000000004E-2</v>
      </c>
    </row>
    <row r="251" spans="1:4" ht="25.5">
      <c r="A251" s="49" t="s">
        <v>450</v>
      </c>
      <c r="B251" s="205">
        <v>140</v>
      </c>
      <c r="C251" s="206">
        <v>5.28</v>
      </c>
      <c r="D251" s="207">
        <v>0.21559999999999999</v>
      </c>
    </row>
    <row r="252" spans="1:4">
      <c r="A252" s="53" t="s">
        <v>447</v>
      </c>
      <c r="B252" s="83">
        <v>184</v>
      </c>
      <c r="C252" s="84">
        <v>6.12</v>
      </c>
      <c r="D252" s="85">
        <v>0.13720000000000002</v>
      </c>
    </row>
    <row r="253" spans="1:4">
      <c r="A253" s="49" t="s">
        <v>446</v>
      </c>
      <c r="B253" s="205">
        <v>118</v>
      </c>
      <c r="C253" s="206">
        <v>6.16</v>
      </c>
      <c r="D253" s="207">
        <v>0.13720000000000002</v>
      </c>
    </row>
    <row r="254" spans="1:4">
      <c r="A254" s="57" t="s">
        <v>451</v>
      </c>
      <c r="B254" s="204">
        <v>173</v>
      </c>
      <c r="C254" s="84">
        <v>5.2</v>
      </c>
      <c r="D254" s="85">
        <v>0.1764</v>
      </c>
    </row>
    <row r="255" spans="1:4">
      <c r="A255" s="49" t="s">
        <v>448</v>
      </c>
      <c r="B255" s="205">
        <v>116</v>
      </c>
      <c r="C255" s="206">
        <v>5.94</v>
      </c>
      <c r="D255" s="207">
        <v>0.15679999999999999</v>
      </c>
    </row>
    <row r="256" spans="1:4">
      <c r="A256" s="57" t="s">
        <v>449</v>
      </c>
      <c r="B256" s="204">
        <v>141</v>
      </c>
      <c r="C256" s="84">
        <v>5.24</v>
      </c>
      <c r="D256" s="85">
        <v>0.1764</v>
      </c>
    </row>
    <row r="263" spans="1:38">
      <c r="P263" s="257"/>
      <c r="Q263" s="257"/>
      <c r="R263" s="257"/>
      <c r="S263" s="257"/>
      <c r="T263" s="257"/>
      <c r="U263" s="257"/>
      <c r="V263" s="257"/>
      <c r="W263" s="257"/>
      <c r="X263" s="257"/>
      <c r="Y263" s="257"/>
      <c r="Z263" s="257"/>
      <c r="AA263" s="257"/>
      <c r="AB263" s="257"/>
      <c r="AC263" s="257"/>
      <c r="AD263" s="257"/>
      <c r="AE263" s="257"/>
      <c r="AF263" s="257"/>
      <c r="AG263" s="257"/>
      <c r="AH263" s="257"/>
    </row>
    <row r="264" spans="1:38" ht="18.75">
      <c r="A264" s="317" t="s">
        <v>53</v>
      </c>
      <c r="B264" s="317"/>
      <c r="C264" s="317"/>
      <c r="D264" s="317"/>
      <c r="E264" s="317"/>
      <c r="F264" s="317"/>
      <c r="G264" s="317"/>
      <c r="H264" s="317"/>
      <c r="I264" s="317"/>
      <c r="J264" s="317"/>
      <c r="K264" s="317"/>
      <c r="L264" s="317"/>
      <c r="M264" s="317"/>
      <c r="N264" s="317"/>
      <c r="O264" s="317"/>
      <c r="P264" s="317"/>
      <c r="Q264" s="317"/>
      <c r="R264" s="317"/>
      <c r="S264" s="317"/>
      <c r="T264" s="227"/>
      <c r="U264" s="227"/>
      <c r="V264" s="227"/>
      <c r="W264" s="257"/>
      <c r="X264" s="257"/>
      <c r="Y264" s="257"/>
      <c r="Z264" s="257"/>
      <c r="AA264" s="257"/>
      <c r="AB264" s="257"/>
      <c r="AC264" s="257"/>
      <c r="AD264" s="257"/>
      <c r="AE264" s="257"/>
      <c r="AF264" s="257"/>
      <c r="AG264" s="257"/>
      <c r="AH264" s="257"/>
    </row>
    <row r="265" spans="1:38" ht="44.25" customHeight="1">
      <c r="A265" s="386" t="s">
        <v>496</v>
      </c>
      <c r="B265" s="386"/>
      <c r="C265" s="386"/>
      <c r="D265" s="386"/>
      <c r="E265" s="386"/>
      <c r="F265" s="386"/>
      <c r="G265" s="386"/>
      <c r="H265" s="386"/>
      <c r="I265" s="386"/>
      <c r="J265" s="386"/>
      <c r="K265" s="386"/>
      <c r="L265" s="386"/>
      <c r="M265" s="386"/>
      <c r="N265" s="386"/>
      <c r="O265" s="386"/>
      <c r="P265" s="386"/>
      <c r="Q265" s="386"/>
      <c r="R265" s="386"/>
      <c r="S265" s="386"/>
      <c r="T265" s="258"/>
      <c r="U265" s="258"/>
      <c r="V265" s="258"/>
      <c r="W265" s="257"/>
      <c r="X265" s="257"/>
      <c r="Y265" s="257"/>
      <c r="Z265" s="257"/>
      <c r="AA265" s="257"/>
      <c r="AB265" s="257"/>
      <c r="AC265" s="257"/>
      <c r="AD265" s="257"/>
      <c r="AE265" s="257"/>
      <c r="AF265" s="257"/>
      <c r="AG265" s="257"/>
      <c r="AH265" s="257"/>
    </row>
    <row r="266" spans="1:38" ht="35.25" customHeight="1">
      <c r="A266" s="64"/>
      <c r="B266" s="377" t="s">
        <v>281</v>
      </c>
      <c r="C266" s="378"/>
      <c r="D266" s="378"/>
      <c r="E266" s="378"/>
      <c r="F266" s="378"/>
      <c r="G266" s="378"/>
      <c r="H266" s="378"/>
      <c r="I266" s="378"/>
      <c r="J266" s="379"/>
      <c r="K266" s="377" t="s">
        <v>282</v>
      </c>
      <c r="L266" s="378"/>
      <c r="M266" s="378"/>
      <c r="N266" s="378"/>
      <c r="O266" s="378"/>
      <c r="P266" s="378"/>
      <c r="Q266" s="378"/>
      <c r="R266" s="378"/>
      <c r="S266" s="379"/>
      <c r="T266" s="257"/>
      <c r="U266" s="257"/>
      <c r="V266" s="257"/>
      <c r="W266" s="257"/>
      <c r="X266" s="257"/>
      <c r="Y266" s="257"/>
      <c r="Z266" s="257"/>
      <c r="AA266" s="257"/>
      <c r="AB266" s="257"/>
      <c r="AC266" s="257"/>
      <c r="AD266" s="257"/>
      <c r="AE266" s="257"/>
      <c r="AF266" s="257"/>
      <c r="AG266" s="257"/>
      <c r="AH266" s="257"/>
      <c r="AI266" s="257"/>
      <c r="AJ266" s="257"/>
      <c r="AK266" s="257"/>
      <c r="AL266" s="257"/>
    </row>
    <row r="267" spans="1:38" ht="59.25" customHeight="1">
      <c r="A267" s="37" t="s">
        <v>85</v>
      </c>
      <c r="B267" s="38" t="s">
        <v>86</v>
      </c>
      <c r="C267" s="38" t="s">
        <v>257</v>
      </c>
      <c r="D267" s="89" t="s">
        <v>351</v>
      </c>
      <c r="E267" s="38" t="s">
        <v>352</v>
      </c>
      <c r="F267" s="89" t="s">
        <v>319</v>
      </c>
      <c r="G267" s="38" t="s">
        <v>353</v>
      </c>
      <c r="H267" s="89" t="s">
        <v>320</v>
      </c>
      <c r="I267" s="38" t="s">
        <v>357</v>
      </c>
      <c r="J267" s="89" t="s">
        <v>371</v>
      </c>
      <c r="K267" s="65" t="s">
        <v>86</v>
      </c>
      <c r="L267" s="65" t="s">
        <v>257</v>
      </c>
      <c r="M267" s="88" t="s">
        <v>351</v>
      </c>
      <c r="N267" s="65" t="s">
        <v>352</v>
      </c>
      <c r="O267" s="88" t="s">
        <v>319</v>
      </c>
      <c r="P267" s="65" t="s">
        <v>353</v>
      </c>
      <c r="Q267" s="260" t="s">
        <v>320</v>
      </c>
      <c r="R267" s="65" t="s">
        <v>357</v>
      </c>
      <c r="S267" s="88" t="s">
        <v>371</v>
      </c>
      <c r="T267" s="257"/>
      <c r="U267" s="257"/>
      <c r="V267" s="257"/>
      <c r="W267" s="257"/>
      <c r="X267" s="257"/>
      <c r="Y267" s="257"/>
      <c r="Z267" s="257"/>
      <c r="AA267" s="257"/>
      <c r="AB267" s="257"/>
      <c r="AC267" s="257"/>
      <c r="AD267" s="257"/>
      <c r="AE267" s="257"/>
      <c r="AF267" s="257"/>
      <c r="AG267" s="257"/>
      <c r="AH267" s="257"/>
      <c r="AI267" s="257"/>
      <c r="AJ267" s="257"/>
      <c r="AK267" s="257"/>
      <c r="AL267" s="257"/>
    </row>
    <row r="268" spans="1:38" ht="72">
      <c r="A268" s="41"/>
      <c r="B268" s="42" t="s">
        <v>89</v>
      </c>
      <c r="C268" s="42" t="s">
        <v>181</v>
      </c>
      <c r="D268" s="91" t="s">
        <v>104</v>
      </c>
      <c r="E268" s="42" t="s">
        <v>182</v>
      </c>
      <c r="F268" s="91" t="s">
        <v>104</v>
      </c>
      <c r="G268" s="42" t="s">
        <v>183</v>
      </c>
      <c r="H268" s="91" t="s">
        <v>104</v>
      </c>
      <c r="I268" s="42" t="s">
        <v>357</v>
      </c>
      <c r="J268" s="91" t="s">
        <v>104</v>
      </c>
      <c r="K268" s="68" t="s">
        <v>89</v>
      </c>
      <c r="L268" s="68" t="s">
        <v>181</v>
      </c>
      <c r="M268" s="90" t="s">
        <v>104</v>
      </c>
      <c r="N268" s="68" t="s">
        <v>182</v>
      </c>
      <c r="O268" s="90" t="s">
        <v>104</v>
      </c>
      <c r="P268" s="68" t="s">
        <v>183</v>
      </c>
      <c r="Q268" s="274" t="s">
        <v>104</v>
      </c>
      <c r="R268" s="68" t="s">
        <v>357</v>
      </c>
      <c r="S268" s="90" t="s">
        <v>104</v>
      </c>
    </row>
    <row r="269" spans="1:38">
      <c r="A269" s="45" t="s">
        <v>435</v>
      </c>
      <c r="B269" s="204">
        <v>10996</v>
      </c>
      <c r="C269" s="208">
        <v>0.08</v>
      </c>
      <c r="D269" s="94">
        <v>5.1778643397893511E-3</v>
      </c>
      <c r="E269" s="208">
        <v>0.114</v>
      </c>
      <c r="F269" s="94">
        <v>6.0636724853184573E-3</v>
      </c>
      <c r="G269" s="208">
        <v>0.79800000000000004</v>
      </c>
      <c r="H269" s="94">
        <v>7.6576894921402067E-3</v>
      </c>
      <c r="I269" s="208">
        <v>8.0000000000000002E-3</v>
      </c>
      <c r="J269" s="94">
        <v>1.7175050125100056E-3</v>
      </c>
      <c r="K269" s="204">
        <v>10971</v>
      </c>
      <c r="L269" s="210">
        <v>7.2999999999999995E-2</v>
      </c>
      <c r="M269" s="94">
        <v>4.9711286993327228E-3</v>
      </c>
      <c r="N269" s="208">
        <v>0.13200000000000001</v>
      </c>
      <c r="O269" s="94">
        <v>6.4648958237158291E-3</v>
      </c>
      <c r="P269" s="208">
        <v>0.78800000000000003</v>
      </c>
      <c r="Q269" s="275">
        <v>7.8043606594874375E-3</v>
      </c>
      <c r="R269" s="208">
        <v>8.0000000000000002E-3</v>
      </c>
      <c r="S269" s="94">
        <v>1.7195025405736641E-3</v>
      </c>
    </row>
    <row r="270" spans="1:38">
      <c r="A270" s="49" t="s">
        <v>436</v>
      </c>
      <c r="B270" s="205">
        <v>8848</v>
      </c>
      <c r="C270" s="209">
        <v>0.08</v>
      </c>
      <c r="D270" s="97">
        <v>5.77321775012638E-3</v>
      </c>
      <c r="E270" s="209">
        <v>0.09</v>
      </c>
      <c r="F270" s="97">
        <v>6.0891066032065476E-3</v>
      </c>
      <c r="G270" s="209">
        <v>0.82599999999999996</v>
      </c>
      <c r="H270" s="97">
        <v>8.0615578238856928E-3</v>
      </c>
      <c r="I270" s="209">
        <v>4.0000000000000001E-3</v>
      </c>
      <c r="J270" s="97">
        <v>1.3786649574526128E-3</v>
      </c>
      <c r="K270" s="205">
        <v>8824</v>
      </c>
      <c r="L270" s="209">
        <v>6.8000000000000005E-2</v>
      </c>
      <c r="M270" s="97">
        <v>5.3658657756638396E-3</v>
      </c>
      <c r="N270" s="209">
        <v>0.12</v>
      </c>
      <c r="O270" s="97">
        <v>6.9214908231813605E-3</v>
      </c>
      <c r="P270" s="209">
        <v>0.80900000000000005</v>
      </c>
      <c r="Q270" s="276">
        <v>8.3697273672447038E-3</v>
      </c>
      <c r="R270" s="209">
        <v>3.0000000000000001E-3</v>
      </c>
      <c r="S270" s="97">
        <v>1.2069108323037394E-3</v>
      </c>
    </row>
    <row r="271" spans="1:38">
      <c r="A271" s="53" t="s">
        <v>437</v>
      </c>
      <c r="B271" s="204">
        <v>1983</v>
      </c>
      <c r="C271" s="208">
        <v>8.2600000000000007E-2</v>
      </c>
      <c r="D271" s="94">
        <v>1.2407928405831475E-2</v>
      </c>
      <c r="E271" s="208">
        <v>0.16009999999999999</v>
      </c>
      <c r="F271" s="94">
        <v>1.64812301671046E-2</v>
      </c>
      <c r="G271" s="208">
        <v>0.74270000000000003</v>
      </c>
      <c r="H271" s="94">
        <v>1.9625770367670839E-2</v>
      </c>
      <c r="I271" s="208">
        <v>1.4500000000000001E-2</v>
      </c>
      <c r="J271" s="94">
        <v>5.5385012559716019E-3</v>
      </c>
      <c r="K271" s="204">
        <v>1984</v>
      </c>
      <c r="L271" s="210">
        <v>6.2300000000000001E-2</v>
      </c>
      <c r="M271" s="94">
        <v>1.0912942979242916E-2</v>
      </c>
      <c r="N271" s="208">
        <v>0.1482</v>
      </c>
      <c r="O271" s="94">
        <v>1.5968675332372655E-2</v>
      </c>
      <c r="P271" s="208">
        <v>0.77449999999999997</v>
      </c>
      <c r="Q271" s="275">
        <v>1.8762127681943033E-2</v>
      </c>
      <c r="R271" s="208">
        <v>1.4999999999999999E-2</v>
      </c>
      <c r="S271" s="94">
        <v>5.624147989777231E-3</v>
      </c>
    </row>
    <row r="272" spans="1:38">
      <c r="A272" s="49" t="s">
        <v>438</v>
      </c>
      <c r="B272" s="205">
        <v>98</v>
      </c>
      <c r="C272" s="209">
        <v>4.9000000000000002E-2</v>
      </c>
      <c r="D272" s="97">
        <v>4.9403983050431602E-2</v>
      </c>
      <c r="E272" s="209">
        <v>7.3999999999999996E-2</v>
      </c>
      <c r="F272" s="97">
        <v>5.687217358097138E-2</v>
      </c>
      <c r="G272" s="209">
        <v>0.877</v>
      </c>
      <c r="H272" s="97">
        <v>6.8255516653201939E-2</v>
      </c>
      <c r="I272" s="209">
        <v>0</v>
      </c>
      <c r="J272" s="97">
        <v>2.745647223584333E-2</v>
      </c>
      <c r="K272" s="205">
        <v>98</v>
      </c>
      <c r="L272" s="209">
        <v>0.188</v>
      </c>
      <c r="M272" s="97">
        <v>7.9246728418218254E-2</v>
      </c>
      <c r="N272" s="209">
        <v>7.3999999999999996E-2</v>
      </c>
      <c r="O272" s="97">
        <v>5.687217358097138E-2</v>
      </c>
      <c r="P272" s="209">
        <v>0.73099999999999998</v>
      </c>
      <c r="Q272" s="276">
        <v>8.8725643260747222E-2</v>
      </c>
      <c r="R272" s="209">
        <v>8.0000000000000002E-3</v>
      </c>
      <c r="S272" s="97">
        <v>3.2266748980364544E-2</v>
      </c>
    </row>
    <row r="273" spans="1:19">
      <c r="A273" s="53" t="s">
        <v>439</v>
      </c>
      <c r="B273" s="204">
        <v>682</v>
      </c>
      <c r="C273" s="208">
        <v>7.3999999999999996E-2</v>
      </c>
      <c r="D273" s="94">
        <v>2.0294359771709798E-2</v>
      </c>
      <c r="E273" s="208">
        <v>7.9000000000000001E-2</v>
      </c>
      <c r="F273" s="94">
        <v>2.0887024211796869E-2</v>
      </c>
      <c r="G273" s="208">
        <v>0.83899999999999997</v>
      </c>
      <c r="H273" s="94">
        <v>2.8203268770231132E-2</v>
      </c>
      <c r="I273" s="208">
        <v>8.0000000000000002E-3</v>
      </c>
      <c r="J273" s="94">
        <v>7.9174581978174868E-3</v>
      </c>
      <c r="K273" s="204">
        <v>677</v>
      </c>
      <c r="L273" s="210">
        <v>3.7999999999999999E-2</v>
      </c>
      <c r="M273" s="94">
        <v>1.5146093174498379E-2</v>
      </c>
      <c r="N273" s="208">
        <v>0.10299999999999999</v>
      </c>
      <c r="O273" s="94">
        <v>2.352704110349095E-2</v>
      </c>
      <c r="P273" s="208">
        <v>0.85599999999999998</v>
      </c>
      <c r="Q273" s="275">
        <v>2.7069112596206844E-2</v>
      </c>
      <c r="R273" s="208">
        <v>4.0000000000000001E-3</v>
      </c>
      <c r="S273" s="94">
        <v>6.3503063938294638E-3</v>
      </c>
    </row>
    <row r="274" spans="1:19">
      <c r="A274" s="49" t="s">
        <v>440</v>
      </c>
      <c r="B274" s="205">
        <v>292</v>
      </c>
      <c r="C274" s="209">
        <v>5.6000000000000001E-2</v>
      </c>
      <c r="D274" s="97">
        <v>2.8033763427194214E-2</v>
      </c>
      <c r="E274" s="209">
        <v>8.5999999999999993E-2</v>
      </c>
      <c r="F274" s="97">
        <v>3.3531958301130219E-2</v>
      </c>
      <c r="G274" s="209">
        <v>0.84699999999999998</v>
      </c>
      <c r="H274" s="97">
        <v>4.2366373203355727E-2</v>
      </c>
      <c r="I274" s="209">
        <v>1.2E-2</v>
      </c>
      <c r="J274" s="97">
        <v>1.5703690238739663E-2</v>
      </c>
      <c r="K274" s="205">
        <v>290</v>
      </c>
      <c r="L274" s="209">
        <v>1.4999999999999999E-2</v>
      </c>
      <c r="M274" s="97">
        <v>1.6956181314031329E-2</v>
      </c>
      <c r="N274" s="209">
        <v>8.5999999999999993E-2</v>
      </c>
      <c r="O274" s="97">
        <v>3.3652103663951376E-2</v>
      </c>
      <c r="P274" s="209">
        <v>0.89900000000000002</v>
      </c>
      <c r="Q274" s="276">
        <v>3.5970798930198958E-2</v>
      </c>
      <c r="R274" s="209">
        <v>0</v>
      </c>
      <c r="S274" s="97">
        <v>9.5877217926457672E-3</v>
      </c>
    </row>
    <row r="275" spans="1:19">
      <c r="A275" s="53" t="s">
        <v>441</v>
      </c>
      <c r="B275" s="204">
        <v>83</v>
      </c>
      <c r="C275" s="208">
        <v>0.14199999999999999</v>
      </c>
      <c r="D275" s="94">
        <v>7.830100228951789E-2</v>
      </c>
      <c r="E275" s="208">
        <v>3.7999999999999999E-2</v>
      </c>
      <c r="F275" s="94">
        <v>5.0619989821728009E-2</v>
      </c>
      <c r="G275" s="208">
        <v>0.80600000000000005</v>
      </c>
      <c r="H275" s="94">
        <v>8.7039763962298899E-2</v>
      </c>
      <c r="I275" s="208">
        <v>1.4E-2</v>
      </c>
      <c r="J275" s="94">
        <v>4.0128461017452835E-2</v>
      </c>
      <c r="K275" s="204">
        <v>82</v>
      </c>
      <c r="L275" s="210">
        <v>0.08</v>
      </c>
      <c r="M275" s="94">
        <v>6.4565701400792763E-2</v>
      </c>
      <c r="N275" s="208">
        <v>9.5000000000000001E-2</v>
      </c>
      <c r="O275" s="94">
        <v>6.8498276698942151E-2</v>
      </c>
      <c r="P275" s="208">
        <v>0.81100000000000005</v>
      </c>
      <c r="Q275" s="275">
        <v>8.6821673089051102E-2</v>
      </c>
      <c r="R275" s="208">
        <v>1.4E-2</v>
      </c>
      <c r="S275" s="94">
        <v>4.0499641500590232E-2</v>
      </c>
    </row>
    <row r="276" spans="1:19">
      <c r="A276" s="49" t="s">
        <v>442</v>
      </c>
      <c r="B276" s="205">
        <v>156</v>
      </c>
      <c r="C276" s="209">
        <v>8.6999999999999994E-2</v>
      </c>
      <c r="D276" s="97">
        <v>4.6864924083743056E-2</v>
      </c>
      <c r="E276" s="209">
        <v>0.03</v>
      </c>
      <c r="F276" s="97">
        <v>3.1625518770448655E-2</v>
      </c>
      <c r="G276" s="209">
        <v>0.878</v>
      </c>
      <c r="H276" s="97">
        <v>5.3425391318173809E-2</v>
      </c>
      <c r="I276" s="209">
        <v>5.0000000000000001E-3</v>
      </c>
      <c r="J276" s="97">
        <v>2.065980964033793E-2</v>
      </c>
      <c r="K276" s="205">
        <v>154</v>
      </c>
      <c r="L276" s="209">
        <v>5.7000000000000002E-2</v>
      </c>
      <c r="M276" s="97">
        <v>4.0114354810618411E-2</v>
      </c>
      <c r="N276" s="209">
        <v>9.1999999999999998E-2</v>
      </c>
      <c r="O276" s="97">
        <v>4.8223600075505156E-2</v>
      </c>
      <c r="P276" s="209">
        <v>0.84</v>
      </c>
      <c r="Q276" s="276">
        <v>5.9572118588082784E-2</v>
      </c>
      <c r="R276" s="209">
        <v>1.0999999999999999E-2</v>
      </c>
      <c r="S276" s="97">
        <v>2.4042754256465723E-2</v>
      </c>
    </row>
    <row r="277" spans="1:19">
      <c r="A277" s="53" t="s">
        <v>443</v>
      </c>
      <c r="B277" s="204">
        <v>145</v>
      </c>
      <c r="C277" s="208">
        <v>6.6000000000000003E-2</v>
      </c>
      <c r="D277" s="94">
        <v>4.3848833635851001E-2</v>
      </c>
      <c r="E277" s="208">
        <v>0.13600000000000001</v>
      </c>
      <c r="F277" s="94">
        <v>5.7817670108131422E-2</v>
      </c>
      <c r="G277" s="208">
        <v>0.79800000000000004</v>
      </c>
      <c r="H277" s="94">
        <v>6.6735981862618796E-2</v>
      </c>
      <c r="I277" s="208">
        <v>0</v>
      </c>
      <c r="J277" s="94">
        <v>1.8854901079065334E-2</v>
      </c>
      <c r="K277" s="204">
        <v>145</v>
      </c>
      <c r="L277" s="210">
        <v>4.2999999999999997E-2</v>
      </c>
      <c r="M277" s="94">
        <v>3.7439473876900102E-2</v>
      </c>
      <c r="N277" s="208">
        <v>0.151</v>
      </c>
      <c r="O277" s="94">
        <v>6.0123110936021275E-2</v>
      </c>
      <c r="P277" s="208">
        <v>0.80600000000000005</v>
      </c>
      <c r="Q277" s="275">
        <v>6.5809151334403362E-2</v>
      </c>
      <c r="R277" s="208">
        <v>0</v>
      </c>
      <c r="S277" s="94">
        <v>1.8854901079065334E-2</v>
      </c>
    </row>
    <row r="278" spans="1:19">
      <c r="A278" s="49" t="s">
        <v>444</v>
      </c>
      <c r="B278" s="205">
        <v>764</v>
      </c>
      <c r="C278" s="209">
        <v>0.11600000000000001</v>
      </c>
      <c r="D278" s="97">
        <v>2.3282235717387623E-2</v>
      </c>
      <c r="E278" s="209">
        <v>0.11799999999999999</v>
      </c>
      <c r="F278" s="97">
        <v>2.3451199687776543E-2</v>
      </c>
      <c r="G278" s="209">
        <v>0.76200000000000001</v>
      </c>
      <c r="H278" s="97">
        <v>3.0794106205147796E-2</v>
      </c>
      <c r="I278" s="209">
        <v>4.0000000000000001E-3</v>
      </c>
      <c r="J278" s="97">
        <v>5.8363056663456652E-3</v>
      </c>
      <c r="K278" s="205">
        <v>761</v>
      </c>
      <c r="L278" s="209">
        <v>9.5000000000000001E-2</v>
      </c>
      <c r="M278" s="97">
        <v>2.1412330414891875E-2</v>
      </c>
      <c r="N278" s="209">
        <v>0.104</v>
      </c>
      <c r="O278" s="97">
        <v>2.226631660482287E-2</v>
      </c>
      <c r="P278" s="209">
        <v>0.79900000000000004</v>
      </c>
      <c r="Q278" s="276">
        <v>2.9062157250745763E-2</v>
      </c>
      <c r="R278" s="209">
        <v>3.0000000000000001E-3</v>
      </c>
      <c r="S278" s="97">
        <v>5.3953974330204725E-3</v>
      </c>
    </row>
    <row r="279" spans="1:19">
      <c r="A279" s="45" t="s">
        <v>445</v>
      </c>
      <c r="B279" s="204">
        <v>554</v>
      </c>
      <c r="C279" s="208">
        <v>0.13500000000000001</v>
      </c>
      <c r="D279" s="94">
        <v>2.9167442673018223E-2</v>
      </c>
      <c r="E279" s="208">
        <v>4.7E-2</v>
      </c>
      <c r="F279" s="94">
        <v>1.8495862073707545E-2</v>
      </c>
      <c r="G279" s="208">
        <v>0.81599999999999995</v>
      </c>
      <c r="H279" s="94">
        <v>3.2962506772965521E-2</v>
      </c>
      <c r="I279" s="208">
        <v>1E-3</v>
      </c>
      <c r="J279" s="94">
        <v>5.7149188181174135E-3</v>
      </c>
      <c r="K279" s="204">
        <v>551</v>
      </c>
      <c r="L279" s="210">
        <v>7.8E-2</v>
      </c>
      <c r="M279" s="94">
        <v>2.3167813368812844E-2</v>
      </c>
      <c r="N279" s="208">
        <v>8.3000000000000004E-2</v>
      </c>
      <c r="O279" s="94">
        <v>2.3802259813444585E-2</v>
      </c>
      <c r="P279" s="208">
        <v>0.83899999999999997</v>
      </c>
      <c r="Q279" s="275">
        <v>3.1391689894944293E-2</v>
      </c>
      <c r="R279" s="208">
        <v>0</v>
      </c>
      <c r="S279" s="94">
        <v>5.087074342586634E-3</v>
      </c>
    </row>
    <row r="280" spans="1:19" ht="25.5">
      <c r="A280" s="49" t="s">
        <v>450</v>
      </c>
      <c r="B280" s="205">
        <v>140</v>
      </c>
      <c r="C280" s="209">
        <v>0.16700000000000001</v>
      </c>
      <c r="D280" s="97">
        <v>6.350545416209015E-2</v>
      </c>
      <c r="E280" s="209">
        <v>8.8999999999999996E-2</v>
      </c>
      <c r="F280" s="97">
        <v>5.0092458880837493E-2</v>
      </c>
      <c r="G280" s="209">
        <v>0.74399999999999999</v>
      </c>
      <c r="H280" s="97">
        <v>7.3357120627628281E-2</v>
      </c>
      <c r="I280" s="209">
        <v>0</v>
      </c>
      <c r="J280" s="97">
        <v>1.9504976326797124E-2</v>
      </c>
      <c r="K280" s="205">
        <v>140</v>
      </c>
      <c r="L280" s="209">
        <v>0.193</v>
      </c>
      <c r="M280" s="97">
        <v>6.6856881255104347E-2</v>
      </c>
      <c r="N280" s="209">
        <v>7.6999999999999999E-2</v>
      </c>
      <c r="O280" s="97">
        <v>4.7397092474117018E-2</v>
      </c>
      <c r="P280" s="209">
        <v>0.73</v>
      </c>
      <c r="Q280" s="276">
        <v>7.4535239798898395E-2</v>
      </c>
      <c r="R280" s="209">
        <v>0</v>
      </c>
      <c r="S280" s="97">
        <v>1.9504976326797124E-2</v>
      </c>
    </row>
    <row r="281" spans="1:19">
      <c r="A281" s="53" t="s">
        <v>447</v>
      </c>
      <c r="B281" s="204">
        <v>183</v>
      </c>
      <c r="C281" s="208">
        <v>3.5000000000000003E-2</v>
      </c>
      <c r="D281" s="94">
        <v>3.0301985970715057E-2</v>
      </c>
      <c r="E281" s="208">
        <v>4.4999999999999998E-2</v>
      </c>
      <c r="F281" s="94">
        <v>3.3266694363511172E-2</v>
      </c>
      <c r="G281" s="208">
        <v>0.91300000000000003</v>
      </c>
      <c r="H281" s="94">
        <v>4.305202076395416E-2</v>
      </c>
      <c r="I281" s="208">
        <v>7.0000000000000001E-3</v>
      </c>
      <c r="J281" s="94">
        <v>1.9202056245867901E-2</v>
      </c>
      <c r="K281" s="204">
        <v>182</v>
      </c>
      <c r="L281" s="210">
        <v>8.0000000000000002E-3</v>
      </c>
      <c r="M281" s="94">
        <v>1.9803010950971894E-2</v>
      </c>
      <c r="N281" s="208">
        <v>9.2999999999999999E-2</v>
      </c>
      <c r="O281" s="94">
        <v>4.4334767206613869E-2</v>
      </c>
      <c r="P281" s="208">
        <v>0.89900000000000002</v>
      </c>
      <c r="Q281" s="275">
        <v>4.5807621887118767E-2</v>
      </c>
      <c r="R281" s="208">
        <v>0</v>
      </c>
      <c r="S281" s="94">
        <v>1.5124620581124137E-2</v>
      </c>
    </row>
    <row r="282" spans="1:19">
      <c r="A282" s="49" t="s">
        <v>446</v>
      </c>
      <c r="B282" s="205">
        <v>117</v>
      </c>
      <c r="C282" s="209">
        <v>2.7E-2</v>
      </c>
      <c r="D282" s="97">
        <v>3.6733799659566087E-2</v>
      </c>
      <c r="E282" s="209">
        <v>5.0999999999999997E-2</v>
      </c>
      <c r="F282" s="97">
        <v>4.5092257246177804E-2</v>
      </c>
      <c r="G282" s="209">
        <v>0.91300000000000003</v>
      </c>
      <c r="H282" s="97">
        <v>5.4703373755141359E-2</v>
      </c>
      <c r="I282" s="209">
        <v>8.9999999999999993E-3</v>
      </c>
      <c r="J282" s="97">
        <v>2.8514042451777716E-2</v>
      </c>
      <c r="K282" s="205">
        <v>118</v>
      </c>
      <c r="L282" s="209">
        <v>1E-3</v>
      </c>
      <c r="M282" s="97">
        <v>2.3649949481845196E-2</v>
      </c>
      <c r="N282" s="209">
        <v>8.5000000000000006E-2</v>
      </c>
      <c r="O282" s="97">
        <v>5.3983392776988548E-2</v>
      </c>
      <c r="P282" s="209">
        <v>0.91500000000000004</v>
      </c>
      <c r="Q282" s="276">
        <v>5.3983392776988541E-2</v>
      </c>
      <c r="R282" s="209">
        <v>0</v>
      </c>
      <c r="S282" s="97">
        <v>2.2993012239943496E-2</v>
      </c>
    </row>
    <row r="283" spans="1:19">
      <c r="A283" s="57" t="s">
        <v>451</v>
      </c>
      <c r="B283" s="204">
        <v>175</v>
      </c>
      <c r="C283" s="208">
        <v>0.11</v>
      </c>
      <c r="D283" s="94">
        <v>4.8352017555961392E-2</v>
      </c>
      <c r="E283" s="208">
        <v>0.187</v>
      </c>
      <c r="F283" s="94">
        <v>5.9110838219045211E-2</v>
      </c>
      <c r="G283" s="208">
        <v>0.69399999999999995</v>
      </c>
      <c r="H283" s="94">
        <v>6.9157299763054084E-2</v>
      </c>
      <c r="I283" s="208">
        <v>8.9999999999999993E-3</v>
      </c>
      <c r="J283" s="94">
        <v>2.0913860885694465E-2</v>
      </c>
      <c r="K283" s="204">
        <v>175</v>
      </c>
      <c r="L283" s="210">
        <v>8.3000000000000004E-2</v>
      </c>
      <c r="M283" s="94">
        <v>4.3272746057724375E-2</v>
      </c>
      <c r="N283" s="208">
        <v>0.122</v>
      </c>
      <c r="O283" s="94">
        <v>5.0346403734561528E-2</v>
      </c>
      <c r="P283" s="208">
        <v>0.78700000000000003</v>
      </c>
      <c r="Q283" s="275">
        <v>6.1865083750650106E-2</v>
      </c>
      <c r="R283" s="208">
        <v>8.9999999999999993E-3</v>
      </c>
      <c r="S283" s="94">
        <v>2.0913860885694465E-2</v>
      </c>
    </row>
    <row r="284" spans="1:19">
      <c r="A284" s="49" t="s">
        <v>448</v>
      </c>
      <c r="B284" s="205">
        <v>116</v>
      </c>
      <c r="C284" s="209">
        <v>9.1999999999999998E-2</v>
      </c>
      <c r="D284" s="97">
        <v>5.6109607020545064E-2</v>
      </c>
      <c r="E284" s="209">
        <v>2.7E-2</v>
      </c>
      <c r="F284" s="97">
        <v>3.6940347809628106E-2</v>
      </c>
      <c r="G284" s="209">
        <v>0.88100000000000001</v>
      </c>
      <c r="H284" s="97">
        <v>6.1740076125641447E-2</v>
      </c>
      <c r="I284" s="209">
        <v>0</v>
      </c>
      <c r="J284" s="97">
        <v>2.3372982186625143E-2</v>
      </c>
      <c r="K284" s="205">
        <v>116</v>
      </c>
      <c r="L284" s="209">
        <v>0.06</v>
      </c>
      <c r="M284" s="97">
        <v>4.7990122440475728E-2</v>
      </c>
      <c r="N284" s="209">
        <v>8.9999999999999993E-3</v>
      </c>
      <c r="O284" s="97">
        <v>2.8707257438313913E-2</v>
      </c>
      <c r="P284" s="209">
        <v>0.93100000000000005</v>
      </c>
      <c r="Q284" s="276">
        <v>5.0470012732167828E-2</v>
      </c>
      <c r="R284" s="209">
        <v>0</v>
      </c>
      <c r="S284" s="97">
        <v>2.3372982186625143E-2</v>
      </c>
    </row>
    <row r="285" spans="1:19">
      <c r="A285" s="57" t="s">
        <v>449</v>
      </c>
      <c r="B285" s="204">
        <v>141</v>
      </c>
      <c r="C285" s="208">
        <v>0.19500000000000001</v>
      </c>
      <c r="D285" s="94">
        <v>6.6857877441364927E-2</v>
      </c>
      <c r="E285" s="208">
        <v>0.105</v>
      </c>
      <c r="F285" s="94">
        <v>5.3165853968590013E-2</v>
      </c>
      <c r="G285" s="208">
        <v>0.7</v>
      </c>
      <c r="H285" s="94">
        <v>7.6505840498128946E-2</v>
      </c>
      <c r="I285" s="208">
        <v>0</v>
      </c>
      <c r="J285" s="94">
        <v>1.9371399996077419E-2</v>
      </c>
      <c r="K285" s="204">
        <v>140</v>
      </c>
      <c r="L285" s="210">
        <v>0.14299999999999999</v>
      </c>
      <c r="M285" s="94">
        <v>5.9984525718032346E-2</v>
      </c>
      <c r="N285" s="208">
        <v>0.17499999999999999</v>
      </c>
      <c r="O285" s="94">
        <v>6.4584474137010545E-2</v>
      </c>
      <c r="P285" s="208">
        <v>0.68200000000000005</v>
      </c>
      <c r="Q285" s="275">
        <v>7.7940622623936348E-2</v>
      </c>
      <c r="R285" s="208">
        <v>0</v>
      </c>
      <c r="S285" s="94">
        <v>1.9504976326797124E-2</v>
      </c>
    </row>
  </sheetData>
  <mergeCells count="39">
    <mergeCell ref="A4:W4"/>
    <mergeCell ref="A3:W3"/>
    <mergeCell ref="A119:D119"/>
    <mergeCell ref="A120:D120"/>
    <mergeCell ref="A149:S149"/>
    <mergeCell ref="A148:S148"/>
    <mergeCell ref="A121:D121"/>
    <mergeCell ref="B5:L5"/>
    <mergeCell ref="M5:W5"/>
    <mergeCell ref="M34:W34"/>
    <mergeCell ref="A33:W33"/>
    <mergeCell ref="A32:W32"/>
    <mergeCell ref="B34:L34"/>
    <mergeCell ref="B63:L63"/>
    <mergeCell ref="M63:W63"/>
    <mergeCell ref="A61:W61"/>
    <mergeCell ref="B92:L92"/>
    <mergeCell ref="A91:L91"/>
    <mergeCell ref="A90:L90"/>
    <mergeCell ref="A62:W62"/>
    <mergeCell ref="AL208:AT208"/>
    <mergeCell ref="A207:AT207"/>
    <mergeCell ref="A206:AT206"/>
    <mergeCell ref="B208:J208"/>
    <mergeCell ref="K208:S208"/>
    <mergeCell ref="T208:AB208"/>
    <mergeCell ref="AC208:AK208"/>
    <mergeCell ref="A178:D178"/>
    <mergeCell ref="K150:S150"/>
    <mergeCell ref="B150:J150"/>
    <mergeCell ref="A179:D179"/>
    <mergeCell ref="A177:D177"/>
    <mergeCell ref="K266:S266"/>
    <mergeCell ref="B266:J266"/>
    <mergeCell ref="A265:S265"/>
    <mergeCell ref="A264:S264"/>
    <mergeCell ref="A235:D235"/>
    <mergeCell ref="A236:D236"/>
    <mergeCell ref="A237:D237"/>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G53"/>
  <sheetViews>
    <sheetView zoomScaleNormal="100" workbookViewId="0">
      <selection activeCell="A33" sqref="A33:AK33"/>
    </sheetView>
  </sheetViews>
  <sheetFormatPr defaultColWidth="21.28515625" defaultRowHeight="15"/>
  <cols>
    <col min="1" max="1" width="44.7109375" customWidth="1"/>
  </cols>
  <sheetData>
    <row r="1" spans="1:4" ht="31.5">
      <c r="A1" s="33" t="s">
        <v>54</v>
      </c>
    </row>
    <row r="3" spans="1:4" ht="18.75">
      <c r="A3" s="389" t="s">
        <v>433</v>
      </c>
      <c r="B3" s="389"/>
      <c r="C3" s="389"/>
      <c r="D3" s="389"/>
    </row>
    <row r="4" spans="1:4" ht="102" customHeight="1">
      <c r="A4" s="387" t="s">
        <v>497</v>
      </c>
      <c r="B4" s="387"/>
      <c r="C4" s="387"/>
      <c r="D4" s="387"/>
    </row>
    <row r="5" spans="1:4" ht="36.75" customHeight="1">
      <c r="A5" s="365" t="s">
        <v>170</v>
      </c>
      <c r="B5" s="365"/>
      <c r="C5" s="365"/>
      <c r="D5" s="365"/>
    </row>
    <row r="6" spans="1:4" ht="72">
      <c r="A6" s="37" t="s">
        <v>85</v>
      </c>
      <c r="B6" s="38" t="s">
        <v>86</v>
      </c>
      <c r="C6" s="39" t="s">
        <v>87</v>
      </c>
      <c r="D6" s="40" t="s">
        <v>88</v>
      </c>
    </row>
    <row r="7" spans="1:4" ht="60">
      <c r="A7" s="41"/>
      <c r="B7" s="42" t="s">
        <v>89</v>
      </c>
      <c r="C7" s="126" t="s">
        <v>171</v>
      </c>
      <c r="D7" s="44" t="s">
        <v>91</v>
      </c>
    </row>
    <row r="8" spans="1:4">
      <c r="A8" s="45" t="s">
        <v>435</v>
      </c>
      <c r="B8" s="211">
        <v>10771</v>
      </c>
      <c r="C8" s="84">
        <v>4.5999999999999996</v>
      </c>
      <c r="D8" s="85">
        <v>1.9599999999999999E-2</v>
      </c>
    </row>
    <row r="9" spans="1:4">
      <c r="A9" s="49" t="s">
        <v>436</v>
      </c>
      <c r="B9" s="49">
        <v>8708</v>
      </c>
      <c r="C9" s="213">
        <v>4.6100000000000003</v>
      </c>
      <c r="D9" s="214">
        <v>1.9599999999999999E-2</v>
      </c>
    </row>
    <row r="10" spans="1:4">
      <c r="A10" s="53" t="s">
        <v>437</v>
      </c>
      <c r="B10" s="53">
        <v>1898</v>
      </c>
      <c r="C10" s="84">
        <v>4.6900000000000004</v>
      </c>
      <c r="D10" s="85">
        <v>5.8799999999999998E-2</v>
      </c>
    </row>
    <row r="11" spans="1:4">
      <c r="A11" s="49" t="s">
        <v>438</v>
      </c>
      <c r="B11" s="49">
        <v>98</v>
      </c>
      <c r="C11" s="213">
        <v>4.3600000000000003</v>
      </c>
      <c r="D11" s="214">
        <v>0.25480000000000003</v>
      </c>
    </row>
    <row r="12" spans="1:4">
      <c r="A12" s="53" t="s">
        <v>439</v>
      </c>
      <c r="B12" s="53">
        <v>672</v>
      </c>
      <c r="C12" s="84">
        <v>4.8099999999999996</v>
      </c>
      <c r="D12" s="85">
        <v>9.8000000000000004E-2</v>
      </c>
    </row>
    <row r="13" spans="1:4">
      <c r="A13" s="49" t="s">
        <v>440</v>
      </c>
      <c r="B13" s="49">
        <v>287</v>
      </c>
      <c r="C13" s="213">
        <v>5.09</v>
      </c>
      <c r="D13" s="214">
        <v>0.13720000000000002</v>
      </c>
    </row>
    <row r="14" spans="1:4">
      <c r="A14" s="53" t="s">
        <v>441</v>
      </c>
      <c r="B14" s="53">
        <v>81</v>
      </c>
      <c r="C14" s="84">
        <v>5.0999999999999996</v>
      </c>
      <c r="D14" s="85">
        <v>0.23519999999999999</v>
      </c>
    </row>
    <row r="15" spans="1:4">
      <c r="A15" s="49" t="s">
        <v>442</v>
      </c>
      <c r="B15" s="49">
        <v>152</v>
      </c>
      <c r="C15" s="213">
        <v>4.3899999999999997</v>
      </c>
      <c r="D15" s="214">
        <v>0.1764</v>
      </c>
    </row>
    <row r="16" spans="1:4">
      <c r="A16" s="53" t="s">
        <v>443</v>
      </c>
      <c r="B16" s="53">
        <v>146</v>
      </c>
      <c r="C16" s="84">
        <v>4.57</v>
      </c>
      <c r="D16" s="85">
        <v>0.1764</v>
      </c>
    </row>
    <row r="17" spans="1:79">
      <c r="A17" s="49" t="s">
        <v>444</v>
      </c>
      <c r="B17" s="49">
        <v>740</v>
      </c>
      <c r="C17" s="213">
        <v>4.5199999999999996</v>
      </c>
      <c r="D17" s="214">
        <v>7.8399999999999997E-2</v>
      </c>
    </row>
    <row r="18" spans="1:79">
      <c r="A18" s="45" t="s">
        <v>445</v>
      </c>
      <c r="B18" s="211">
        <v>541</v>
      </c>
      <c r="C18" s="84">
        <v>4.5</v>
      </c>
      <c r="D18" s="85">
        <v>9.8000000000000004E-2</v>
      </c>
    </row>
    <row r="19" spans="1:79" ht="25.5">
      <c r="A19" s="49" t="s">
        <v>450</v>
      </c>
      <c r="B19" s="212">
        <v>139</v>
      </c>
      <c r="C19" s="213">
        <v>4.38</v>
      </c>
      <c r="D19" s="214">
        <v>0.21559999999999999</v>
      </c>
    </row>
    <row r="20" spans="1:79">
      <c r="A20" s="53" t="s">
        <v>447</v>
      </c>
      <c r="B20" s="83">
        <v>178</v>
      </c>
      <c r="C20" s="84">
        <v>4.7699999999999996</v>
      </c>
      <c r="D20" s="85">
        <v>0.15679999999999999</v>
      </c>
    </row>
    <row r="21" spans="1:79">
      <c r="A21" s="49" t="s">
        <v>446</v>
      </c>
      <c r="B21" s="212">
        <v>113</v>
      </c>
      <c r="C21" s="213">
        <v>4.83</v>
      </c>
      <c r="D21" s="214">
        <v>0.1764</v>
      </c>
    </row>
    <row r="22" spans="1:79">
      <c r="A22" s="57" t="s">
        <v>451</v>
      </c>
      <c r="B22" s="211">
        <v>166</v>
      </c>
      <c r="C22" s="84">
        <v>4.6100000000000003</v>
      </c>
      <c r="D22" s="85">
        <v>0.15679999999999999</v>
      </c>
    </row>
    <row r="23" spans="1:79">
      <c r="A23" s="49" t="s">
        <v>448</v>
      </c>
      <c r="B23" s="212">
        <v>112</v>
      </c>
      <c r="C23" s="213">
        <v>4.7300000000000004</v>
      </c>
      <c r="D23" s="214">
        <v>0.19600000000000001</v>
      </c>
    </row>
    <row r="24" spans="1:79">
      <c r="A24" s="57" t="s">
        <v>449</v>
      </c>
      <c r="B24" s="211">
        <v>136</v>
      </c>
      <c r="C24" s="84">
        <v>4.04</v>
      </c>
      <c r="D24" s="85">
        <v>0.19600000000000001</v>
      </c>
    </row>
    <row r="31" spans="1:79">
      <c r="W31" s="257"/>
      <c r="X31" s="257"/>
      <c r="Y31" s="257"/>
      <c r="Z31" s="257"/>
      <c r="AA31" s="257"/>
      <c r="AB31" s="257"/>
      <c r="AC31" s="257"/>
      <c r="AD31" s="257"/>
      <c r="AE31" s="257"/>
      <c r="AF31" s="257"/>
      <c r="AG31" s="257"/>
      <c r="AH31" s="257"/>
      <c r="AI31" s="257"/>
      <c r="AJ31" s="257"/>
      <c r="AK31" s="257"/>
      <c r="AL31" s="257"/>
      <c r="AM31" s="257"/>
      <c r="AN31" s="257"/>
      <c r="AO31" s="257"/>
      <c r="AP31" s="257"/>
      <c r="AQ31" s="257"/>
      <c r="AR31" s="257"/>
      <c r="AS31" s="257"/>
      <c r="AT31" s="257"/>
      <c r="AU31" s="257"/>
      <c r="AV31" s="257"/>
      <c r="AW31" s="257"/>
      <c r="AX31" s="257"/>
      <c r="AY31" s="257"/>
      <c r="AZ31" s="257"/>
      <c r="BA31" s="257"/>
      <c r="BB31" s="257"/>
      <c r="BC31" s="257"/>
      <c r="BD31" s="257"/>
      <c r="BE31" s="257"/>
      <c r="BF31" s="257"/>
      <c r="BG31" s="257"/>
      <c r="BH31" s="257"/>
      <c r="BI31" s="257"/>
      <c r="BJ31" s="257"/>
      <c r="BK31" s="257"/>
      <c r="BL31" s="257"/>
      <c r="BM31" s="257"/>
      <c r="BN31" s="257"/>
      <c r="BO31" s="257"/>
      <c r="BP31" s="257"/>
      <c r="BQ31" s="257"/>
      <c r="BR31" s="257"/>
      <c r="BS31" s="257"/>
      <c r="BT31" s="257"/>
      <c r="BU31" s="257"/>
      <c r="BV31" s="257"/>
      <c r="BW31" s="257"/>
      <c r="BX31" s="257"/>
      <c r="BY31" s="257"/>
      <c r="BZ31" s="257"/>
      <c r="CA31" s="257"/>
    </row>
    <row r="32" spans="1:79" ht="18.75">
      <c r="A32" s="317" t="s">
        <v>55</v>
      </c>
      <c r="B32" s="317"/>
      <c r="C32" s="317"/>
      <c r="D32" s="317"/>
      <c r="E32" s="317"/>
      <c r="F32" s="317"/>
      <c r="G32" s="317"/>
      <c r="H32" s="317"/>
      <c r="I32" s="317"/>
      <c r="J32" s="317"/>
      <c r="K32" s="317"/>
      <c r="L32" s="317"/>
      <c r="M32" s="317"/>
      <c r="N32" s="317"/>
      <c r="O32" s="317"/>
      <c r="P32" s="317"/>
      <c r="Q32" s="317"/>
      <c r="R32" s="317"/>
      <c r="S32" s="317"/>
      <c r="T32" s="317"/>
      <c r="U32" s="317"/>
      <c r="V32" s="317"/>
      <c r="W32" s="317"/>
      <c r="X32" s="317"/>
      <c r="Y32" s="317"/>
      <c r="Z32" s="317"/>
      <c r="AA32" s="317"/>
      <c r="AB32" s="317"/>
      <c r="AC32" s="317"/>
      <c r="AD32" s="317"/>
      <c r="AE32" s="317"/>
      <c r="AF32" s="317"/>
      <c r="AG32" s="317"/>
      <c r="AH32" s="317"/>
      <c r="AI32" s="317"/>
      <c r="AJ32" s="317"/>
      <c r="AK32" s="317"/>
      <c r="AL32" s="227"/>
      <c r="AM32" s="227"/>
      <c r="AN32" s="227"/>
      <c r="AO32" s="227"/>
      <c r="AP32" s="227"/>
      <c r="AQ32" s="227"/>
      <c r="AR32" s="227"/>
      <c r="AS32" s="227"/>
      <c r="AT32" s="227"/>
      <c r="AU32" s="227"/>
      <c r="AV32" s="227"/>
      <c r="AW32" s="227"/>
      <c r="AX32" s="227"/>
      <c r="AY32" s="227"/>
      <c r="AZ32" s="227"/>
      <c r="BA32" s="227"/>
      <c r="BB32" s="227"/>
      <c r="BC32" s="227"/>
      <c r="BD32" s="227"/>
      <c r="BE32" s="227"/>
      <c r="BF32" s="227"/>
      <c r="BG32" s="227"/>
      <c r="BH32" s="227"/>
      <c r="BI32" s="227"/>
      <c r="BJ32" s="227"/>
      <c r="BK32" s="227"/>
      <c r="BL32" s="227"/>
      <c r="BM32" s="227"/>
      <c r="BN32" s="227"/>
      <c r="BO32" s="227"/>
      <c r="BP32" s="227"/>
      <c r="BQ32" s="227"/>
      <c r="BR32" s="227"/>
      <c r="BS32" s="227"/>
      <c r="BT32" s="227"/>
      <c r="BU32" s="227"/>
      <c r="BV32" s="227"/>
      <c r="BW32" s="227"/>
      <c r="BX32" s="227"/>
      <c r="BY32" s="227"/>
      <c r="BZ32" s="227"/>
      <c r="CA32" s="257"/>
    </row>
    <row r="33" spans="1:85" ht="52.5" customHeight="1">
      <c r="A33" s="386" t="s">
        <v>498</v>
      </c>
      <c r="B33" s="386"/>
      <c r="C33" s="386"/>
      <c r="D33" s="386"/>
      <c r="E33" s="386"/>
      <c r="F33" s="386"/>
      <c r="G33" s="386"/>
      <c r="H33" s="386"/>
      <c r="I33" s="386"/>
      <c r="J33" s="386"/>
      <c r="K33" s="386"/>
      <c r="L33" s="386"/>
      <c r="M33" s="386"/>
      <c r="N33" s="386"/>
      <c r="O33" s="386"/>
      <c r="P33" s="386"/>
      <c r="Q33" s="386"/>
      <c r="R33" s="386"/>
      <c r="S33" s="386"/>
      <c r="T33" s="386"/>
      <c r="U33" s="386"/>
      <c r="V33" s="386"/>
      <c r="W33" s="386"/>
      <c r="X33" s="386"/>
      <c r="Y33" s="386"/>
      <c r="Z33" s="386"/>
      <c r="AA33" s="386"/>
      <c r="AB33" s="386"/>
      <c r="AC33" s="386"/>
      <c r="AD33" s="386"/>
      <c r="AE33" s="386"/>
      <c r="AF33" s="386"/>
      <c r="AG33" s="386"/>
      <c r="AH33" s="386"/>
      <c r="AI33" s="386"/>
      <c r="AJ33" s="386"/>
      <c r="AK33" s="386"/>
      <c r="AL33" s="258"/>
      <c r="AM33" s="258"/>
      <c r="AN33" s="258"/>
      <c r="AO33" s="258"/>
      <c r="AP33" s="258"/>
      <c r="AQ33" s="258"/>
      <c r="AR33" s="258"/>
      <c r="AS33" s="258"/>
      <c r="AT33" s="258"/>
      <c r="AU33" s="258"/>
      <c r="AV33" s="258"/>
      <c r="AW33" s="258"/>
      <c r="AX33" s="258"/>
      <c r="AY33" s="258"/>
      <c r="AZ33" s="258"/>
      <c r="BA33" s="258"/>
      <c r="BB33" s="258"/>
      <c r="BC33" s="258"/>
      <c r="BD33" s="258"/>
      <c r="BE33" s="258"/>
      <c r="BF33" s="258"/>
      <c r="BG33" s="258"/>
      <c r="BH33" s="258"/>
      <c r="BI33" s="258"/>
      <c r="BJ33" s="258"/>
      <c r="BK33" s="258"/>
      <c r="BL33" s="258"/>
      <c r="BM33" s="258"/>
      <c r="BN33" s="258"/>
      <c r="BO33" s="258"/>
      <c r="BP33" s="258"/>
      <c r="BQ33" s="258"/>
      <c r="BR33" s="258"/>
      <c r="BS33" s="258"/>
      <c r="BT33" s="258"/>
      <c r="BU33" s="258"/>
      <c r="BV33" s="258"/>
      <c r="BW33" s="258"/>
      <c r="BX33" s="258"/>
      <c r="BY33" s="258"/>
      <c r="BZ33" s="258"/>
      <c r="CA33" s="257"/>
    </row>
    <row r="34" spans="1:85" ht="33.75" customHeight="1">
      <c r="A34" s="64"/>
      <c r="B34" s="377" t="s">
        <v>283</v>
      </c>
      <c r="C34" s="378"/>
      <c r="D34" s="378"/>
      <c r="E34" s="378"/>
      <c r="F34" s="378"/>
      <c r="G34" s="378"/>
      <c r="H34" s="378"/>
      <c r="I34" s="378"/>
      <c r="J34" s="379"/>
      <c r="K34" s="377" t="s">
        <v>284</v>
      </c>
      <c r="L34" s="378"/>
      <c r="M34" s="378"/>
      <c r="N34" s="378"/>
      <c r="O34" s="378"/>
      <c r="P34" s="378"/>
      <c r="Q34" s="378"/>
      <c r="R34" s="378"/>
      <c r="S34" s="379"/>
      <c r="T34" s="377" t="s">
        <v>374</v>
      </c>
      <c r="U34" s="378"/>
      <c r="V34" s="378"/>
      <c r="W34" s="378"/>
      <c r="X34" s="378"/>
      <c r="Y34" s="378"/>
      <c r="Z34" s="378"/>
      <c r="AA34" s="378"/>
      <c r="AB34" s="379"/>
      <c r="AC34" s="377" t="s">
        <v>425</v>
      </c>
      <c r="AD34" s="378"/>
      <c r="AE34" s="378"/>
      <c r="AF34" s="378"/>
      <c r="AG34" s="378"/>
      <c r="AH34" s="378"/>
      <c r="AI34" s="378"/>
      <c r="AJ34" s="378"/>
      <c r="AK34" s="379"/>
      <c r="AL34" s="257"/>
      <c r="AM34" s="257"/>
      <c r="AN34" s="257"/>
      <c r="AO34" s="257"/>
      <c r="AP34" s="257"/>
      <c r="AQ34" s="257"/>
      <c r="AR34" s="257"/>
      <c r="AS34" s="257"/>
      <c r="AT34" s="257"/>
      <c r="AU34" s="257"/>
      <c r="AV34" s="257"/>
      <c r="AW34" s="257"/>
      <c r="AX34" s="257"/>
      <c r="AY34" s="257"/>
      <c r="AZ34" s="257"/>
      <c r="BA34" s="257"/>
      <c r="BB34" s="257"/>
      <c r="BC34" s="257"/>
      <c r="BD34" s="257"/>
      <c r="BE34" s="257"/>
      <c r="BF34" s="257"/>
      <c r="BG34" s="257"/>
      <c r="BH34" s="257"/>
      <c r="BI34" s="257"/>
      <c r="BJ34" s="257"/>
      <c r="BK34" s="257"/>
      <c r="BL34" s="257"/>
      <c r="BM34" s="257"/>
      <c r="BN34" s="257"/>
      <c r="BO34" s="257"/>
      <c r="BP34" s="257"/>
      <c r="BQ34" s="257"/>
      <c r="BR34" s="257"/>
      <c r="BS34" s="257"/>
      <c r="BT34" s="257"/>
      <c r="BU34" s="257"/>
      <c r="BV34" s="257"/>
      <c r="BW34" s="257"/>
      <c r="BX34" s="257"/>
      <c r="BY34" s="257"/>
      <c r="BZ34" s="257"/>
      <c r="CA34" s="257"/>
      <c r="CB34" s="257"/>
      <c r="CC34" s="257"/>
      <c r="CD34" s="257"/>
      <c r="CE34" s="257"/>
      <c r="CF34" s="257"/>
      <c r="CG34" s="257"/>
    </row>
    <row r="35" spans="1:85" ht="72">
      <c r="A35" s="37" t="s">
        <v>85</v>
      </c>
      <c r="B35" s="38" t="s">
        <v>86</v>
      </c>
      <c r="C35" s="38" t="s">
        <v>257</v>
      </c>
      <c r="D35" s="89" t="s">
        <v>351</v>
      </c>
      <c r="E35" s="38" t="s">
        <v>352</v>
      </c>
      <c r="F35" s="89" t="s">
        <v>319</v>
      </c>
      <c r="G35" s="38" t="s">
        <v>353</v>
      </c>
      <c r="H35" s="89" t="s">
        <v>320</v>
      </c>
      <c r="I35" s="38" t="s">
        <v>357</v>
      </c>
      <c r="J35" s="89" t="s">
        <v>371</v>
      </c>
      <c r="K35" s="65" t="s">
        <v>86</v>
      </c>
      <c r="L35" s="65" t="s">
        <v>257</v>
      </c>
      <c r="M35" s="88" t="s">
        <v>351</v>
      </c>
      <c r="N35" s="65" t="s">
        <v>352</v>
      </c>
      <c r="O35" s="88" t="s">
        <v>319</v>
      </c>
      <c r="P35" s="65" t="s">
        <v>353</v>
      </c>
      <c r="Q35" s="88" t="s">
        <v>320</v>
      </c>
      <c r="R35" s="65" t="s">
        <v>357</v>
      </c>
      <c r="S35" s="88" t="s">
        <v>371</v>
      </c>
      <c r="T35" s="38" t="s">
        <v>86</v>
      </c>
      <c r="U35" s="38" t="s">
        <v>354</v>
      </c>
      <c r="V35" s="89" t="s">
        <v>322</v>
      </c>
      <c r="W35" s="38" t="s">
        <v>377</v>
      </c>
      <c r="X35" s="89" t="s">
        <v>392</v>
      </c>
      <c r="Y35" s="38" t="s">
        <v>376</v>
      </c>
      <c r="Z35" s="89" t="s">
        <v>375</v>
      </c>
      <c r="AA35" s="38" t="s">
        <v>357</v>
      </c>
      <c r="AB35" s="89" t="s">
        <v>371</v>
      </c>
      <c r="AC35" s="38" t="s">
        <v>86</v>
      </c>
      <c r="AD35" s="38" t="s">
        <v>426</v>
      </c>
      <c r="AE35" s="89" t="s">
        <v>427</v>
      </c>
      <c r="AF35" s="38" t="s">
        <v>422</v>
      </c>
      <c r="AG35" s="89" t="s">
        <v>424</v>
      </c>
      <c r="AH35" s="38" t="s">
        <v>428</v>
      </c>
      <c r="AI35" s="89" t="s">
        <v>429</v>
      </c>
      <c r="AJ35" s="38" t="s">
        <v>357</v>
      </c>
      <c r="AK35" s="89" t="s">
        <v>371</v>
      </c>
      <c r="AL35" s="257"/>
      <c r="AM35" s="257"/>
      <c r="AN35" s="257"/>
      <c r="AO35" s="257"/>
      <c r="AP35" s="257"/>
      <c r="AQ35" s="257"/>
      <c r="AR35" s="257"/>
      <c r="AS35" s="257"/>
      <c r="AT35" s="257"/>
      <c r="AU35" s="257"/>
      <c r="AV35" s="257"/>
      <c r="AW35" s="257"/>
      <c r="AX35" s="257"/>
      <c r="AY35" s="257"/>
      <c r="AZ35" s="257"/>
      <c r="BA35" s="257"/>
      <c r="BB35" s="257"/>
      <c r="BC35" s="257"/>
      <c r="BD35" s="257"/>
      <c r="BE35" s="257"/>
      <c r="BF35" s="257"/>
      <c r="BG35" s="257"/>
      <c r="BH35" s="257"/>
      <c r="BI35" s="257"/>
      <c r="BJ35" s="257"/>
      <c r="BK35" s="257"/>
      <c r="BL35" s="257"/>
      <c r="BM35" s="257"/>
      <c r="BN35" s="257"/>
      <c r="BO35" s="257"/>
      <c r="BP35" s="257"/>
      <c r="BQ35" s="257"/>
      <c r="BR35" s="257"/>
      <c r="BS35" s="257"/>
      <c r="BT35" s="257"/>
      <c r="BU35" s="257"/>
      <c r="BV35" s="257"/>
      <c r="BW35" s="257"/>
      <c r="BX35" s="257"/>
      <c r="BY35" s="257"/>
      <c r="BZ35" s="257"/>
      <c r="CA35" s="257"/>
      <c r="CB35" s="257"/>
      <c r="CC35" s="257"/>
      <c r="CD35" s="257"/>
      <c r="CE35" s="257"/>
      <c r="CF35" s="257"/>
      <c r="CG35" s="257"/>
    </row>
    <row r="36" spans="1:85" ht="60">
      <c r="A36" s="41"/>
      <c r="B36" s="42" t="s">
        <v>89</v>
      </c>
      <c r="C36" s="42" t="s">
        <v>181</v>
      </c>
      <c r="D36" s="91" t="s">
        <v>104</v>
      </c>
      <c r="E36" s="42" t="s">
        <v>182</v>
      </c>
      <c r="F36" s="91" t="s">
        <v>104</v>
      </c>
      <c r="G36" s="42" t="s">
        <v>183</v>
      </c>
      <c r="H36" s="91" t="s">
        <v>104</v>
      </c>
      <c r="I36" s="42" t="s">
        <v>357</v>
      </c>
      <c r="J36" s="91" t="s">
        <v>104</v>
      </c>
      <c r="K36" s="68" t="s">
        <v>89</v>
      </c>
      <c r="L36" s="68" t="s">
        <v>181</v>
      </c>
      <c r="M36" s="90" t="s">
        <v>104</v>
      </c>
      <c r="N36" s="68" t="s">
        <v>182</v>
      </c>
      <c r="O36" s="90" t="s">
        <v>104</v>
      </c>
      <c r="P36" s="68" t="s">
        <v>183</v>
      </c>
      <c r="Q36" s="90" t="s">
        <v>104</v>
      </c>
      <c r="R36" s="68" t="s">
        <v>357</v>
      </c>
      <c r="S36" s="90" t="s">
        <v>104</v>
      </c>
      <c r="T36" s="42" t="s">
        <v>89</v>
      </c>
      <c r="U36" s="42" t="s">
        <v>183</v>
      </c>
      <c r="V36" s="91" t="s">
        <v>104</v>
      </c>
      <c r="W36" s="42" t="s">
        <v>182</v>
      </c>
      <c r="X36" s="91" t="s">
        <v>104</v>
      </c>
      <c r="Y36" s="42" t="s">
        <v>181</v>
      </c>
      <c r="Z36" s="91" t="s">
        <v>104</v>
      </c>
      <c r="AA36" s="42" t="s">
        <v>357</v>
      </c>
      <c r="AB36" s="91" t="s">
        <v>104</v>
      </c>
      <c r="AC36" s="42" t="s">
        <v>89</v>
      </c>
      <c r="AD36" s="42" t="s">
        <v>421</v>
      </c>
      <c r="AE36" s="91" t="s">
        <v>104</v>
      </c>
      <c r="AF36" s="42" t="s">
        <v>423</v>
      </c>
      <c r="AG36" s="91" t="s">
        <v>104</v>
      </c>
      <c r="AH36" s="42" t="s">
        <v>181</v>
      </c>
      <c r="AI36" s="91" t="s">
        <v>104</v>
      </c>
      <c r="AJ36" s="42" t="s">
        <v>357</v>
      </c>
      <c r="AK36" s="91" t="s">
        <v>104</v>
      </c>
    </row>
    <row r="37" spans="1:85">
      <c r="A37" s="45" t="s">
        <v>435</v>
      </c>
      <c r="B37" s="211">
        <v>10987</v>
      </c>
      <c r="C37" s="215">
        <v>0.14499999999999999</v>
      </c>
      <c r="D37" s="94">
        <v>6.7195320495849918E-3</v>
      </c>
      <c r="E37" s="215">
        <v>0.17499999999999999</v>
      </c>
      <c r="F37" s="94">
        <v>7.2505837198073879E-3</v>
      </c>
      <c r="G37" s="215">
        <v>0.58299999999999996</v>
      </c>
      <c r="H37" s="94">
        <v>9.4062858935187836E-3</v>
      </c>
      <c r="I37" s="215">
        <v>9.7000000000000003E-2</v>
      </c>
      <c r="J37" s="94">
        <v>5.6498113137452479E-3</v>
      </c>
      <c r="K37" s="211">
        <v>10973</v>
      </c>
      <c r="L37" s="215">
        <v>9.4E-2</v>
      </c>
      <c r="M37" s="94">
        <v>5.574709286512893E-3</v>
      </c>
      <c r="N37" s="215">
        <v>0.17399999999999999</v>
      </c>
      <c r="O37" s="94">
        <v>7.2388533801420046E-3</v>
      </c>
      <c r="P37" s="215">
        <v>0.68300000000000005</v>
      </c>
      <c r="Q37" s="94">
        <v>8.8828559436392226E-3</v>
      </c>
      <c r="R37" s="215">
        <v>4.8000000000000001E-2</v>
      </c>
      <c r="S37" s="94">
        <v>4.0872719165296447E-3</v>
      </c>
      <c r="T37" s="211">
        <v>10981</v>
      </c>
      <c r="U37" s="215">
        <v>0.315</v>
      </c>
      <c r="V37" s="94">
        <v>8.8645277740618655E-3</v>
      </c>
      <c r="W37" s="215">
        <v>0.25700000000000001</v>
      </c>
      <c r="X37" s="94">
        <v>8.3394963339389408E-3</v>
      </c>
      <c r="Y37" s="215">
        <v>0.33099999999999996</v>
      </c>
      <c r="Z37" s="94">
        <v>8.9800222557315443E-3</v>
      </c>
      <c r="AA37" s="215">
        <v>9.6000000000000002E-2</v>
      </c>
      <c r="AB37" s="94">
        <v>5.6253164334750284E-3</v>
      </c>
      <c r="AC37" s="211">
        <v>10981</v>
      </c>
      <c r="AD37" s="215">
        <v>0.13900000000000001</v>
      </c>
      <c r="AE37" s="94">
        <v>6.6040605169667152E-3</v>
      </c>
      <c r="AF37" s="215">
        <v>0.433</v>
      </c>
      <c r="AG37" s="94">
        <v>9.4551480529282261E-3</v>
      </c>
      <c r="AH37" s="215">
        <v>0.33099999999999996</v>
      </c>
      <c r="AI37" s="94">
        <v>8.9800222557315443E-3</v>
      </c>
      <c r="AJ37" s="215">
        <v>9.6000000000000002E-2</v>
      </c>
      <c r="AK37" s="94">
        <v>5.6253164334750284E-3</v>
      </c>
    </row>
    <row r="38" spans="1:85">
      <c r="A38" s="49" t="s">
        <v>436</v>
      </c>
      <c r="B38" s="212">
        <v>8842</v>
      </c>
      <c r="C38" s="216">
        <v>0.158</v>
      </c>
      <c r="D38" s="97">
        <v>7.7591413800206155E-3</v>
      </c>
      <c r="E38" s="216">
        <v>0.16500000000000001</v>
      </c>
      <c r="F38" s="97">
        <v>7.8958993714297859E-3</v>
      </c>
      <c r="G38" s="216">
        <v>0.60299999999999998</v>
      </c>
      <c r="H38" s="97">
        <v>1.0404450260556355E-2</v>
      </c>
      <c r="I38" s="216">
        <v>7.4999999999999997E-2</v>
      </c>
      <c r="J38" s="97">
        <v>5.6074912643168575E-3</v>
      </c>
      <c r="K38" s="212">
        <v>8827</v>
      </c>
      <c r="L38" s="216">
        <v>0.10199999999999999</v>
      </c>
      <c r="M38" s="97">
        <v>6.4461908050648499E-3</v>
      </c>
      <c r="N38" s="216">
        <v>0.17100000000000001</v>
      </c>
      <c r="O38" s="97">
        <v>8.0158667611005298E-3</v>
      </c>
      <c r="P38" s="216">
        <v>0.68400000000000005</v>
      </c>
      <c r="Q38" s="97">
        <v>9.8952654435714073E-3</v>
      </c>
      <c r="R38" s="216">
        <v>4.2000000000000003E-2</v>
      </c>
      <c r="S38" s="97">
        <v>4.2791286444487106E-3</v>
      </c>
      <c r="T38" s="212">
        <v>8833</v>
      </c>
      <c r="U38" s="216">
        <v>0.29600000000000004</v>
      </c>
      <c r="V38" s="97">
        <v>9.7129018349856946E-3</v>
      </c>
      <c r="W38" s="216">
        <v>0.26300000000000001</v>
      </c>
      <c r="X38" s="97">
        <v>9.3679838122847064E-3</v>
      </c>
      <c r="Y38" s="216">
        <v>0.36299999999999999</v>
      </c>
      <c r="Z38" s="97">
        <v>1.0230963824209079E-2</v>
      </c>
      <c r="AA38" s="216">
        <v>7.6999999999999999E-2</v>
      </c>
      <c r="AB38" s="97">
        <v>5.6782958731589834E-3</v>
      </c>
      <c r="AC38" s="212">
        <v>8833</v>
      </c>
      <c r="AD38" s="216">
        <v>0.13900000000000001</v>
      </c>
      <c r="AE38" s="97">
        <v>7.3637739859551731E-3</v>
      </c>
      <c r="AF38" s="216">
        <v>0.42000000000000004</v>
      </c>
      <c r="AG38" s="97">
        <v>1.0500775498720836E-2</v>
      </c>
      <c r="AH38" s="216">
        <v>0.36299999999999999</v>
      </c>
      <c r="AI38" s="97">
        <v>1.0230963824209079E-2</v>
      </c>
      <c r="AJ38" s="216">
        <v>7.6999999999999999E-2</v>
      </c>
      <c r="AK38" s="97">
        <v>5.6782958731589834E-3</v>
      </c>
    </row>
    <row r="39" spans="1:85">
      <c r="A39" s="53" t="s">
        <v>437</v>
      </c>
      <c r="B39" s="211">
        <v>1984</v>
      </c>
      <c r="C39" s="215">
        <v>0.10879999999999999</v>
      </c>
      <c r="D39" s="94">
        <v>1.401190821998686E-2</v>
      </c>
      <c r="E39" s="215">
        <v>0.19539999999999999</v>
      </c>
      <c r="F39" s="94">
        <v>1.7806913698721335E-2</v>
      </c>
      <c r="G39" s="215">
        <v>0.57989999999999997</v>
      </c>
      <c r="H39" s="94">
        <v>2.2141017515266453E-2</v>
      </c>
      <c r="I39" s="215">
        <v>0.11600000000000001</v>
      </c>
      <c r="J39" s="94">
        <v>1.4405508904591561E-2</v>
      </c>
      <c r="K39" s="211">
        <v>1981</v>
      </c>
      <c r="L39" s="215">
        <v>7.3099999999999998E-2</v>
      </c>
      <c r="M39" s="94">
        <v>1.1747994782939288E-2</v>
      </c>
      <c r="N39" s="215">
        <v>0.16159999999999999</v>
      </c>
      <c r="O39" s="94">
        <v>1.6551362367851055E-2</v>
      </c>
      <c r="P39" s="215">
        <v>0.70489999999999997</v>
      </c>
      <c r="Q39" s="94">
        <v>2.048210004751546E-2</v>
      </c>
      <c r="R39" s="215">
        <v>6.0499999999999998E-2</v>
      </c>
      <c r="S39" s="94">
        <v>1.0775234711713703E-2</v>
      </c>
      <c r="T39" s="211">
        <v>1984</v>
      </c>
      <c r="U39" s="215">
        <v>0.31230000000000002</v>
      </c>
      <c r="V39" s="94">
        <v>2.0794594909042025E-2</v>
      </c>
      <c r="W39" s="215">
        <v>0.24210000000000001</v>
      </c>
      <c r="X39" s="94">
        <v>1.9228320845557947E-2</v>
      </c>
      <c r="Y39" s="215">
        <v>0.32650000000000001</v>
      </c>
      <c r="Z39" s="94">
        <v>2.1040287308778854E-2</v>
      </c>
      <c r="AA39" s="215">
        <v>0.1191</v>
      </c>
      <c r="AB39" s="94">
        <v>1.4569506269332963E-2</v>
      </c>
      <c r="AC39" s="211">
        <v>1984</v>
      </c>
      <c r="AD39" s="215">
        <v>0.1326</v>
      </c>
      <c r="AE39" s="94">
        <v>1.5248437840105598E-2</v>
      </c>
      <c r="AF39" s="215">
        <v>0.42180000000000001</v>
      </c>
      <c r="AG39" s="94">
        <v>2.2153177363820935E-2</v>
      </c>
      <c r="AH39" s="215">
        <v>0.32650000000000001</v>
      </c>
      <c r="AI39" s="94">
        <v>2.1040287308778854E-2</v>
      </c>
      <c r="AJ39" s="215">
        <v>0.1191</v>
      </c>
      <c r="AK39" s="94">
        <v>1.4569506269332963E-2</v>
      </c>
    </row>
    <row r="40" spans="1:85">
      <c r="A40" s="49" t="s">
        <v>438</v>
      </c>
      <c r="B40" s="212">
        <v>99</v>
      </c>
      <c r="C40" s="216">
        <v>0.26800000000000002</v>
      </c>
      <c r="D40" s="97">
        <v>8.8191171432045398E-2</v>
      </c>
      <c r="E40" s="216">
        <v>0.16900000000000001</v>
      </c>
      <c r="F40" s="97">
        <v>7.6013120337169171E-2</v>
      </c>
      <c r="G40" s="216">
        <v>0.42199999999999999</v>
      </c>
      <c r="H40" s="97">
        <v>9.7418996589240581E-2</v>
      </c>
      <c r="I40" s="216">
        <v>0.14000000000000001</v>
      </c>
      <c r="J40" s="97">
        <v>7.1127005980825719E-2</v>
      </c>
      <c r="K40" s="212">
        <v>99</v>
      </c>
      <c r="L40" s="216">
        <v>0.221</v>
      </c>
      <c r="M40" s="97">
        <v>8.3162609862883957E-2</v>
      </c>
      <c r="N40" s="216">
        <v>0.20799999999999999</v>
      </c>
      <c r="O40" s="97">
        <v>8.1545711858778056E-2</v>
      </c>
      <c r="P40" s="216">
        <v>0.56299999999999994</v>
      </c>
      <c r="Q40" s="97">
        <v>9.7807674562104568E-2</v>
      </c>
      <c r="R40" s="216">
        <v>7.0000000000000001E-3</v>
      </c>
      <c r="S40" s="97">
        <v>3.144546028575939E-2</v>
      </c>
      <c r="T40" s="212">
        <v>99</v>
      </c>
      <c r="U40" s="216">
        <v>0.35899999999999999</v>
      </c>
      <c r="V40" s="97">
        <v>9.4844414596917753E-2</v>
      </c>
      <c r="W40" s="216">
        <v>0.32300000000000001</v>
      </c>
      <c r="X40" s="97">
        <v>9.2653875465558283E-2</v>
      </c>
      <c r="Y40" s="216">
        <v>0.28900000000000003</v>
      </c>
      <c r="Z40" s="97">
        <v>9.0063579968824109E-2</v>
      </c>
      <c r="AA40" s="216">
        <v>0.03</v>
      </c>
      <c r="AB40" s="97">
        <v>4.2231047546844466E-2</v>
      </c>
      <c r="AC40" s="212">
        <v>99</v>
      </c>
      <c r="AD40" s="216">
        <v>0.15</v>
      </c>
      <c r="AE40" s="97">
        <v>7.2895673372640676E-2</v>
      </c>
      <c r="AF40" s="216">
        <v>0.53200000000000003</v>
      </c>
      <c r="AG40" s="97">
        <v>9.8346324777988881E-2</v>
      </c>
      <c r="AH40" s="216">
        <v>0.28900000000000003</v>
      </c>
      <c r="AI40" s="97">
        <v>9.0063579968824109E-2</v>
      </c>
      <c r="AJ40" s="216">
        <v>0.03</v>
      </c>
      <c r="AK40" s="97">
        <v>4.2231047546844466E-2</v>
      </c>
    </row>
    <row r="41" spans="1:85">
      <c r="A41" s="53" t="s">
        <v>439</v>
      </c>
      <c r="B41" s="211">
        <v>679</v>
      </c>
      <c r="C41" s="215">
        <v>9.2999999999999999E-2</v>
      </c>
      <c r="D41" s="94">
        <v>2.2479607843583913E-2</v>
      </c>
      <c r="E41" s="215">
        <v>0.13400000000000001</v>
      </c>
      <c r="F41" s="94">
        <v>2.6244534950357442E-2</v>
      </c>
      <c r="G41" s="215">
        <v>0.67400000000000004</v>
      </c>
      <c r="H41" s="94">
        <v>3.5901083013983086E-2</v>
      </c>
      <c r="I41" s="215">
        <v>9.9000000000000005E-2</v>
      </c>
      <c r="J41" s="94">
        <v>2.3095314855159192E-2</v>
      </c>
      <c r="K41" s="211">
        <v>678</v>
      </c>
      <c r="L41" s="215">
        <v>7.4999999999999997E-2</v>
      </c>
      <c r="M41" s="94">
        <v>2.0476372899175498E-2</v>
      </c>
      <c r="N41" s="215">
        <v>0.16500000000000001</v>
      </c>
      <c r="O41" s="94">
        <v>2.8561562034905362E-2</v>
      </c>
      <c r="P41" s="215">
        <v>0.72599999999999998</v>
      </c>
      <c r="Q41" s="94">
        <v>3.4208381180475519E-2</v>
      </c>
      <c r="R41" s="215">
        <v>3.4000000000000002E-2</v>
      </c>
      <c r="S41" s="94">
        <v>1.4405891271082688E-2</v>
      </c>
      <c r="T41" s="211">
        <v>679</v>
      </c>
      <c r="U41" s="215">
        <v>0.26100000000000001</v>
      </c>
      <c r="V41" s="94">
        <v>3.3667576614233891E-2</v>
      </c>
      <c r="W41" s="215">
        <v>0.248</v>
      </c>
      <c r="X41" s="94">
        <v>3.3114349660127496E-2</v>
      </c>
      <c r="Y41" s="215">
        <v>0.40700000000000003</v>
      </c>
      <c r="Z41" s="94">
        <v>3.7604087606294648E-2</v>
      </c>
      <c r="AA41" s="215">
        <v>8.3000000000000004E-2</v>
      </c>
      <c r="AB41" s="94">
        <v>2.1392490988972977E-2</v>
      </c>
      <c r="AC41" s="211">
        <v>679</v>
      </c>
      <c r="AD41" s="215">
        <v>0.105</v>
      </c>
      <c r="AE41" s="94">
        <v>2.3686232777082851E-2</v>
      </c>
      <c r="AF41" s="215">
        <v>0.40400000000000003</v>
      </c>
      <c r="AG41" s="94">
        <v>3.7560425202584978E-2</v>
      </c>
      <c r="AH41" s="215">
        <v>0.40700000000000003</v>
      </c>
      <c r="AI41" s="94">
        <v>3.7604087606294648E-2</v>
      </c>
      <c r="AJ41" s="215">
        <v>8.3000000000000004E-2</v>
      </c>
      <c r="AK41" s="94">
        <v>2.1392490988972977E-2</v>
      </c>
    </row>
    <row r="42" spans="1:85">
      <c r="A42" s="49" t="s">
        <v>440</v>
      </c>
      <c r="B42" s="212">
        <v>288</v>
      </c>
      <c r="C42" s="216">
        <v>5.5E-2</v>
      </c>
      <c r="D42" s="97">
        <v>2.8032071306344566E-2</v>
      </c>
      <c r="E42" s="216">
        <v>0.104</v>
      </c>
      <c r="F42" s="97">
        <v>3.6536883570786348E-2</v>
      </c>
      <c r="G42" s="216">
        <v>0.71099999999999997</v>
      </c>
      <c r="H42" s="97">
        <v>5.3210669306732981E-2</v>
      </c>
      <c r="I42" s="216">
        <v>0.13</v>
      </c>
      <c r="J42" s="97">
        <v>4.000427978965352E-2</v>
      </c>
      <c r="K42" s="212">
        <v>290</v>
      </c>
      <c r="L42" s="216">
        <v>2.7E-2</v>
      </c>
      <c r="M42" s="97">
        <v>2.0968862534438821E-2</v>
      </c>
      <c r="N42" s="216">
        <v>0.16400000000000001</v>
      </c>
      <c r="O42" s="97">
        <v>4.3667747097941127E-2</v>
      </c>
      <c r="P42" s="216">
        <v>0.76600000000000001</v>
      </c>
      <c r="Q42" s="97">
        <v>4.9645852712314739E-2</v>
      </c>
      <c r="R42" s="216">
        <v>4.2999999999999997E-2</v>
      </c>
      <c r="S42" s="97">
        <v>2.5232337084504113E-2</v>
      </c>
      <c r="T42" s="212">
        <v>288</v>
      </c>
      <c r="U42" s="216">
        <v>0.23</v>
      </c>
      <c r="V42" s="97">
        <v>4.9529786307143157E-2</v>
      </c>
      <c r="W42" s="216">
        <v>0.14699999999999999</v>
      </c>
      <c r="X42" s="97">
        <v>4.2001559334905278E-2</v>
      </c>
      <c r="Y42" s="216">
        <v>0.53600000000000003</v>
      </c>
      <c r="Z42" s="97">
        <v>5.8372829067222638E-2</v>
      </c>
      <c r="AA42" s="216">
        <v>8.6999999999999994E-2</v>
      </c>
      <c r="AB42" s="97">
        <v>3.3936305284386355E-2</v>
      </c>
      <c r="AC42" s="212">
        <v>288</v>
      </c>
      <c r="AD42" s="216">
        <v>9.8000000000000004E-2</v>
      </c>
      <c r="AE42" s="97">
        <v>3.565304295644231E-2</v>
      </c>
      <c r="AF42" s="216">
        <v>0.27900000000000003</v>
      </c>
      <c r="AG42" s="97">
        <v>5.2666948442888585E-2</v>
      </c>
      <c r="AH42" s="216">
        <v>0.53600000000000003</v>
      </c>
      <c r="AI42" s="97">
        <v>5.8372829067222638E-2</v>
      </c>
      <c r="AJ42" s="216">
        <v>8.6999999999999994E-2</v>
      </c>
      <c r="AK42" s="97">
        <v>3.3936305284386355E-2</v>
      </c>
    </row>
    <row r="43" spans="1:85">
      <c r="A43" s="53" t="s">
        <v>441</v>
      </c>
      <c r="B43" s="211">
        <v>83</v>
      </c>
      <c r="C43" s="215">
        <v>0.112</v>
      </c>
      <c r="D43" s="94">
        <v>7.2073045209378864E-2</v>
      </c>
      <c r="E43" s="215">
        <v>0.16900000000000001</v>
      </c>
      <c r="F43" s="94">
        <v>8.3123499117094005E-2</v>
      </c>
      <c r="G43" s="215">
        <v>0.61399999999999999</v>
      </c>
      <c r="H43" s="94">
        <v>0.10464423855736074</v>
      </c>
      <c r="I43" s="215">
        <v>0.105</v>
      </c>
      <c r="J43" s="94">
        <v>7.0463916726070622E-2</v>
      </c>
      <c r="K43" s="211">
        <v>81</v>
      </c>
      <c r="L43" s="215">
        <v>7.8E-2</v>
      </c>
      <c r="M43" s="94">
        <v>6.4455173364896631E-2</v>
      </c>
      <c r="N43" s="215">
        <v>9.8000000000000004E-2</v>
      </c>
      <c r="O43" s="94">
        <v>6.9704556645738117E-2</v>
      </c>
      <c r="P43" s="215">
        <v>0.746</v>
      </c>
      <c r="Q43" s="94">
        <v>9.5805098441792136E-2</v>
      </c>
      <c r="R43" s="215">
        <v>7.9000000000000001E-2</v>
      </c>
      <c r="S43" s="94">
        <v>6.4734025914767013E-2</v>
      </c>
      <c r="T43" s="211">
        <v>83</v>
      </c>
      <c r="U43" s="215">
        <v>0.11899999999999999</v>
      </c>
      <c r="V43" s="94">
        <v>7.3619176720079046E-2</v>
      </c>
      <c r="W43" s="215">
        <v>0.26700000000000002</v>
      </c>
      <c r="X43" s="94">
        <v>9.603359833979748E-2</v>
      </c>
      <c r="Y43" s="215">
        <v>0.39600000000000002</v>
      </c>
      <c r="Z43" s="94">
        <v>0.10507921717286386</v>
      </c>
      <c r="AA43" s="215">
        <v>0.218</v>
      </c>
      <c r="AB43" s="94">
        <v>9.0368453219717135E-2</v>
      </c>
      <c r="AC43" s="211">
        <v>83</v>
      </c>
      <c r="AD43" s="215">
        <v>4.4999999999999998E-2</v>
      </c>
      <c r="AE43" s="94">
        <v>5.3207101092822819E-2</v>
      </c>
      <c r="AF43" s="215">
        <v>0.34100000000000003</v>
      </c>
      <c r="AG43" s="94">
        <v>0.10215837344533495</v>
      </c>
      <c r="AH43" s="215">
        <v>0.39600000000000002</v>
      </c>
      <c r="AI43" s="94">
        <v>0.10507921717286386</v>
      </c>
      <c r="AJ43" s="215">
        <v>0.218</v>
      </c>
      <c r="AK43" s="94">
        <v>9.0368453219717135E-2</v>
      </c>
    </row>
    <row r="44" spans="1:85">
      <c r="A44" s="49" t="s">
        <v>442</v>
      </c>
      <c r="B44" s="212">
        <v>156</v>
      </c>
      <c r="C44" s="216">
        <v>0.14599999999999999</v>
      </c>
      <c r="D44" s="97">
        <v>5.7199536165077426E-2</v>
      </c>
      <c r="E44" s="216">
        <v>0.21099999999999999</v>
      </c>
      <c r="F44" s="97">
        <v>6.5307512847872257E-2</v>
      </c>
      <c r="G44" s="216">
        <v>0.57099999999999995</v>
      </c>
      <c r="H44" s="97">
        <v>7.8295577680830744E-2</v>
      </c>
      <c r="I44" s="216">
        <v>7.0999999999999994E-2</v>
      </c>
      <c r="J44" s="97">
        <v>4.3314554244214494E-2</v>
      </c>
      <c r="K44" s="212">
        <v>155</v>
      </c>
      <c r="L44" s="216">
        <v>0.111</v>
      </c>
      <c r="M44" s="97">
        <v>5.1687709139277699E-2</v>
      </c>
      <c r="N44" s="216">
        <v>0.19700000000000001</v>
      </c>
      <c r="O44" s="97">
        <v>6.3987462626376293E-2</v>
      </c>
      <c r="P44" s="216">
        <v>0.66</v>
      </c>
      <c r="Q44" s="97">
        <v>7.5347721967078146E-2</v>
      </c>
      <c r="R44" s="216">
        <v>3.2000000000000001E-2</v>
      </c>
      <c r="S44" s="97">
        <v>3.2450235986841353E-2</v>
      </c>
      <c r="T44" s="212">
        <v>156</v>
      </c>
      <c r="U44" s="216">
        <v>0.35799999999999998</v>
      </c>
      <c r="V44" s="97">
        <v>7.5965715539972375E-2</v>
      </c>
      <c r="W44" s="216">
        <v>0.35</v>
      </c>
      <c r="X44" s="97">
        <v>7.5599427494525376E-2</v>
      </c>
      <c r="Y44" s="216">
        <v>0.25</v>
      </c>
      <c r="Z44" s="97">
        <v>6.902643288987198E-2</v>
      </c>
      <c r="AA44" s="216">
        <v>4.2000000000000003E-2</v>
      </c>
      <c r="AB44" s="97">
        <v>3.5564412514478567E-2</v>
      </c>
      <c r="AC44" s="212">
        <v>156</v>
      </c>
      <c r="AD44" s="216">
        <v>0.125</v>
      </c>
      <c r="AE44" s="97">
        <v>5.3925494753177733E-2</v>
      </c>
      <c r="AF44" s="216">
        <v>0.58299999999999996</v>
      </c>
      <c r="AG44" s="97">
        <v>7.8014605102986967E-2</v>
      </c>
      <c r="AH44" s="216">
        <v>0.25</v>
      </c>
      <c r="AI44" s="97">
        <v>6.902643288987198E-2</v>
      </c>
      <c r="AJ44" s="216">
        <v>4.2000000000000003E-2</v>
      </c>
      <c r="AK44" s="97">
        <v>3.5564412514478567E-2</v>
      </c>
    </row>
    <row r="45" spans="1:85">
      <c r="A45" s="53" t="s">
        <v>443</v>
      </c>
      <c r="B45" s="211">
        <v>146</v>
      </c>
      <c r="C45" s="215">
        <v>0.105</v>
      </c>
      <c r="D45" s="94">
        <v>5.2200991618224321E-2</v>
      </c>
      <c r="E45" s="215">
        <v>9.7000000000000003E-2</v>
      </c>
      <c r="F45" s="94">
        <v>5.063261728408909E-2</v>
      </c>
      <c r="G45" s="215">
        <v>0.73299999999999998</v>
      </c>
      <c r="H45" s="94">
        <v>7.2767723215213534E-2</v>
      </c>
      <c r="I45" s="215">
        <v>6.5000000000000002E-2</v>
      </c>
      <c r="J45" s="94">
        <v>4.3430385676390217E-2</v>
      </c>
      <c r="K45" s="211">
        <v>146</v>
      </c>
      <c r="L45" s="215">
        <v>0.129</v>
      </c>
      <c r="M45" s="94">
        <v>5.6474649248168897E-2</v>
      </c>
      <c r="N45" s="215">
        <v>0.16500000000000001</v>
      </c>
      <c r="O45" s="94">
        <v>6.1898956133123691E-2</v>
      </c>
      <c r="P45" s="215">
        <v>0.70699999999999996</v>
      </c>
      <c r="Q45" s="94">
        <v>7.4727203364415198E-2</v>
      </c>
      <c r="R45" s="215">
        <v>0</v>
      </c>
      <c r="S45" s="94">
        <v>1.8730051116182648E-2</v>
      </c>
      <c r="T45" s="211">
        <v>146</v>
      </c>
      <c r="U45" s="215">
        <v>0.28800000000000003</v>
      </c>
      <c r="V45" s="94">
        <v>7.4372226564411448E-2</v>
      </c>
      <c r="W45" s="215">
        <v>0.33300000000000002</v>
      </c>
      <c r="X45" s="94">
        <v>7.7214606762460961E-2</v>
      </c>
      <c r="Y45" s="215">
        <v>0.32299999999999995</v>
      </c>
      <c r="Z45" s="94">
        <v>7.6649783926636086E-2</v>
      </c>
      <c r="AA45" s="215">
        <v>5.7000000000000002E-2</v>
      </c>
      <c r="AB45" s="94">
        <v>4.1337007951354809E-2</v>
      </c>
      <c r="AC45" s="211">
        <v>146</v>
      </c>
      <c r="AD45" s="215">
        <v>0.126</v>
      </c>
      <c r="AE45" s="94">
        <v>5.5972513720112201E-2</v>
      </c>
      <c r="AF45" s="215">
        <v>0.495</v>
      </c>
      <c r="AG45" s="94">
        <v>8.1645790347583028E-2</v>
      </c>
      <c r="AH45" s="215">
        <v>0.32299999999999995</v>
      </c>
      <c r="AI45" s="94">
        <v>7.6649783926636086E-2</v>
      </c>
      <c r="AJ45" s="215">
        <v>5.7000000000000002E-2</v>
      </c>
      <c r="AK45" s="94">
        <v>4.1337007951354809E-2</v>
      </c>
    </row>
    <row r="46" spans="1:85">
      <c r="A46" s="49" t="s">
        <v>444</v>
      </c>
      <c r="B46" s="212">
        <v>764</v>
      </c>
      <c r="C46" s="216">
        <v>0.17899999999999999</v>
      </c>
      <c r="D46" s="97">
        <v>2.7766656842483792E-2</v>
      </c>
      <c r="E46" s="216">
        <v>0.182</v>
      </c>
      <c r="F46" s="97">
        <v>2.794401320758183E-2</v>
      </c>
      <c r="G46" s="216">
        <v>0.501</v>
      </c>
      <c r="H46" s="97">
        <v>3.6084320405297743E-2</v>
      </c>
      <c r="I46" s="216">
        <v>0.13800000000000001</v>
      </c>
      <c r="J46" s="97">
        <v>2.5033049703369201E-2</v>
      </c>
      <c r="K46" s="212">
        <v>761</v>
      </c>
      <c r="L46" s="216">
        <v>0.106</v>
      </c>
      <c r="M46" s="97">
        <v>2.2449145302210816E-2</v>
      </c>
      <c r="N46" s="216">
        <v>0.20399999999999999</v>
      </c>
      <c r="O46" s="97">
        <v>2.9220625747698851E-2</v>
      </c>
      <c r="P46" s="216">
        <v>0.63400000000000001</v>
      </c>
      <c r="Q46" s="97">
        <v>3.484653820432991E-2</v>
      </c>
      <c r="R46" s="216">
        <v>5.6000000000000001E-2</v>
      </c>
      <c r="S46" s="97">
        <v>1.6945921407269565E-2</v>
      </c>
      <c r="T46" s="212">
        <v>766</v>
      </c>
      <c r="U46" s="216">
        <v>0.315</v>
      </c>
      <c r="V46" s="97">
        <v>3.3507484011451247E-2</v>
      </c>
      <c r="W46" s="216">
        <v>0.27200000000000002</v>
      </c>
      <c r="X46" s="97">
        <v>3.2116241039788607E-2</v>
      </c>
      <c r="Y46" s="216">
        <v>0.32200000000000001</v>
      </c>
      <c r="Z46" s="97">
        <v>3.3701850069925418E-2</v>
      </c>
      <c r="AA46" s="216">
        <v>0.09</v>
      </c>
      <c r="AB46" s="97">
        <v>2.0844751702934834E-2</v>
      </c>
      <c r="AC46" s="212">
        <v>766</v>
      </c>
      <c r="AD46" s="216">
        <v>0.13600000000000001</v>
      </c>
      <c r="AE46" s="97">
        <v>2.4850410253583054E-2</v>
      </c>
      <c r="AF46" s="216">
        <v>0.45100000000000001</v>
      </c>
      <c r="AG46" s="97">
        <v>3.5865830836834103E-2</v>
      </c>
      <c r="AH46" s="216">
        <v>0.32200000000000001</v>
      </c>
      <c r="AI46" s="97">
        <v>3.3701850069925418E-2</v>
      </c>
      <c r="AJ46" s="216">
        <v>0.09</v>
      </c>
      <c r="AK46" s="97">
        <v>2.0844751702934834E-2</v>
      </c>
    </row>
    <row r="47" spans="1:85">
      <c r="A47" s="45" t="s">
        <v>445</v>
      </c>
      <c r="B47" s="211">
        <v>554</v>
      </c>
      <c r="C47" s="215">
        <v>0.224</v>
      </c>
      <c r="D47" s="94">
        <v>3.5409758551201008E-2</v>
      </c>
      <c r="E47" s="215">
        <v>0.17</v>
      </c>
      <c r="F47" s="94">
        <v>3.197845312887334E-2</v>
      </c>
      <c r="G47" s="215">
        <v>0.48699999999999999</v>
      </c>
      <c r="H47" s="94">
        <v>4.2319269042502931E-2</v>
      </c>
      <c r="I47" s="215">
        <v>0.11899999999999999</v>
      </c>
      <c r="J47" s="94">
        <v>2.7683917659814795E-2</v>
      </c>
      <c r="K47" s="211">
        <v>551</v>
      </c>
      <c r="L47" s="215">
        <v>0.14699999999999999</v>
      </c>
      <c r="M47" s="94">
        <v>3.027569335129332E-2</v>
      </c>
      <c r="N47" s="215">
        <v>0.16700000000000001</v>
      </c>
      <c r="O47" s="94">
        <v>3.1844627306474929E-2</v>
      </c>
      <c r="P47" s="215">
        <v>0.64600000000000002</v>
      </c>
      <c r="Q47" s="94">
        <v>4.0624862615239267E-2</v>
      </c>
      <c r="R47" s="215">
        <v>0.04</v>
      </c>
      <c r="S47" s="94">
        <v>1.7281787272946866E-2</v>
      </c>
      <c r="T47" s="211">
        <v>555</v>
      </c>
      <c r="U47" s="215">
        <v>0.28500000000000003</v>
      </c>
      <c r="V47" s="94">
        <v>3.8247304823739184E-2</v>
      </c>
      <c r="W47" s="215">
        <v>0.26</v>
      </c>
      <c r="X47" s="94">
        <v>3.7183621133123963E-2</v>
      </c>
      <c r="Y47" s="215">
        <v>0.40100000000000002</v>
      </c>
      <c r="Z47" s="94">
        <v>4.1470187832129433E-2</v>
      </c>
      <c r="AA47" s="215">
        <v>5.5E-2</v>
      </c>
      <c r="AB47" s="94">
        <v>1.9802034511773817E-2</v>
      </c>
      <c r="AC47" s="211">
        <v>555</v>
      </c>
      <c r="AD47" s="215">
        <v>0.15</v>
      </c>
      <c r="AE47" s="94">
        <v>3.0411237237780834E-2</v>
      </c>
      <c r="AF47" s="215">
        <v>0.39500000000000002</v>
      </c>
      <c r="AG47" s="94">
        <v>4.1365962798829169E-2</v>
      </c>
      <c r="AH47" s="215">
        <v>0.40100000000000002</v>
      </c>
      <c r="AI47" s="94">
        <v>4.1470187832129433E-2</v>
      </c>
      <c r="AJ47" s="215">
        <v>5.5E-2</v>
      </c>
      <c r="AK47" s="94">
        <v>1.9802034511773817E-2</v>
      </c>
    </row>
    <row r="48" spans="1:85" ht="25.5">
      <c r="A48" s="49" t="s">
        <v>450</v>
      </c>
      <c r="B48" s="212">
        <v>139</v>
      </c>
      <c r="C48" s="216">
        <v>0.251</v>
      </c>
      <c r="D48" s="97">
        <v>7.3173627352173656E-2</v>
      </c>
      <c r="E48" s="216">
        <v>0.193</v>
      </c>
      <c r="F48" s="97">
        <v>6.709765926606763E-2</v>
      </c>
      <c r="G48" s="216">
        <v>0.39100000000000001</v>
      </c>
      <c r="H48" s="97">
        <v>8.1725170558586163E-2</v>
      </c>
      <c r="I48" s="216">
        <v>0.16500000000000001</v>
      </c>
      <c r="J48" s="97">
        <v>6.3458705913234451E-2</v>
      </c>
      <c r="K48" s="212">
        <v>140</v>
      </c>
      <c r="L48" s="216">
        <v>9.7000000000000003E-2</v>
      </c>
      <c r="M48" s="97">
        <v>5.17709717666298E-2</v>
      </c>
      <c r="N48" s="216">
        <v>0.32900000000000001</v>
      </c>
      <c r="O48" s="97">
        <v>7.8591937934710157E-2</v>
      </c>
      <c r="P48" s="216">
        <v>0.54100000000000004</v>
      </c>
      <c r="Q48" s="97">
        <v>8.3068093189494513E-2</v>
      </c>
      <c r="R48" s="216">
        <v>3.2000000000000001E-2</v>
      </c>
      <c r="S48" s="97">
        <v>3.4550687402713137E-2</v>
      </c>
      <c r="T48" s="212">
        <v>139</v>
      </c>
      <c r="U48" s="216">
        <v>0.34799999999999998</v>
      </c>
      <c r="V48" s="97">
        <v>7.9889863716398724E-2</v>
      </c>
      <c r="W48" s="216">
        <v>0.20499999999999999</v>
      </c>
      <c r="X48" s="97">
        <v>6.8505615127790492E-2</v>
      </c>
      <c r="Y48" s="216">
        <v>0.378</v>
      </c>
      <c r="Z48" s="97">
        <v>8.1238150391573991E-2</v>
      </c>
      <c r="AA48" s="216">
        <v>7.0000000000000007E-2</v>
      </c>
      <c r="AB48" s="97">
        <v>4.5894187767643903E-2</v>
      </c>
      <c r="AC48" s="212">
        <v>139</v>
      </c>
      <c r="AD48" s="216">
        <v>0.20699999999999999</v>
      </c>
      <c r="AE48" s="97">
        <v>6.8732087569078712E-2</v>
      </c>
      <c r="AF48" s="216">
        <v>0.34599999999999997</v>
      </c>
      <c r="AG48" s="97">
        <v>7.9788569035597404E-2</v>
      </c>
      <c r="AH48" s="216">
        <v>0.378</v>
      </c>
      <c r="AI48" s="97">
        <v>8.1238150391573991E-2</v>
      </c>
      <c r="AJ48" s="216">
        <v>7.0000000000000007E-2</v>
      </c>
      <c r="AK48" s="97">
        <v>4.5894187767643903E-2</v>
      </c>
    </row>
    <row r="49" spans="1:37">
      <c r="A49" s="53" t="s">
        <v>447</v>
      </c>
      <c r="B49" s="211">
        <v>184</v>
      </c>
      <c r="C49" s="215">
        <v>0.10199999999999999</v>
      </c>
      <c r="D49" s="94">
        <v>4.5724635400826885E-2</v>
      </c>
      <c r="E49" s="215">
        <v>0.222</v>
      </c>
      <c r="F49" s="94">
        <v>6.1188528838121974E-2</v>
      </c>
      <c r="G49" s="215">
        <v>0.57299999999999995</v>
      </c>
      <c r="H49" s="94">
        <v>7.218406636725018E-2</v>
      </c>
      <c r="I49" s="215">
        <v>0.10299999999999999</v>
      </c>
      <c r="J49" s="94">
        <v>4.590147111707104E-2</v>
      </c>
      <c r="K49" s="211">
        <v>182</v>
      </c>
      <c r="L49" s="215">
        <v>4.4999999999999998E-2</v>
      </c>
      <c r="M49" s="94">
        <v>3.3371018236135426E-2</v>
      </c>
      <c r="N49" s="215">
        <v>0.13900000000000001</v>
      </c>
      <c r="O49" s="94">
        <v>5.1894005555800843E-2</v>
      </c>
      <c r="P49" s="215">
        <v>0.78100000000000003</v>
      </c>
      <c r="Q49" s="94">
        <v>6.1241396861514683E-2</v>
      </c>
      <c r="R49" s="215">
        <v>3.5000000000000003E-2</v>
      </c>
      <c r="S49" s="94">
        <v>3.0400551777674971E-2</v>
      </c>
      <c r="T49" s="211">
        <v>184</v>
      </c>
      <c r="U49" s="215">
        <v>0.27500000000000002</v>
      </c>
      <c r="V49" s="94">
        <v>6.5478003080679095E-2</v>
      </c>
      <c r="W49" s="215">
        <v>0.29599999999999999</v>
      </c>
      <c r="X49" s="94">
        <v>6.6865386256399609E-2</v>
      </c>
      <c r="Y49" s="215">
        <v>0.34499999999999997</v>
      </c>
      <c r="Z49" s="94">
        <v>6.9494598667130189E-2</v>
      </c>
      <c r="AA49" s="215">
        <v>8.5000000000000006E-2</v>
      </c>
      <c r="AB49" s="94">
        <v>4.2533030534141709E-2</v>
      </c>
      <c r="AC49" s="211">
        <v>184</v>
      </c>
      <c r="AD49" s="215">
        <v>0.112</v>
      </c>
      <c r="AE49" s="94">
        <v>4.7444026901433102E-2</v>
      </c>
      <c r="AF49" s="215">
        <v>0.45899999999999996</v>
      </c>
      <c r="AG49" s="94">
        <v>7.2697240273218305E-2</v>
      </c>
      <c r="AH49" s="215">
        <v>0.34499999999999997</v>
      </c>
      <c r="AI49" s="94">
        <v>6.9494598667130189E-2</v>
      </c>
      <c r="AJ49" s="215">
        <v>8.5000000000000006E-2</v>
      </c>
      <c r="AK49" s="94">
        <v>4.2533030534141709E-2</v>
      </c>
    </row>
    <row r="50" spans="1:37">
      <c r="A50" s="49" t="s">
        <v>446</v>
      </c>
      <c r="B50" s="212">
        <v>118</v>
      </c>
      <c r="C50" s="216">
        <v>6.8000000000000005E-2</v>
      </c>
      <c r="D50" s="97">
        <v>4.9724823864825574E-2</v>
      </c>
      <c r="E50" s="216">
        <v>0.185</v>
      </c>
      <c r="F50" s="97">
        <v>7.1786315994070288E-2</v>
      </c>
      <c r="G50" s="216">
        <v>0.62</v>
      </c>
      <c r="H50" s="97">
        <v>8.8062716583000772E-2</v>
      </c>
      <c r="I50" s="216">
        <v>0.128</v>
      </c>
      <c r="J50" s="97">
        <v>6.2866395058922539E-2</v>
      </c>
      <c r="K50" s="212">
        <v>118</v>
      </c>
      <c r="L50" s="216">
        <v>2.1999999999999999E-2</v>
      </c>
      <c r="M50" s="97">
        <v>3.447638378318351E-2</v>
      </c>
      <c r="N50" s="216">
        <v>0.129</v>
      </c>
      <c r="O50" s="97">
        <v>6.3047387341647707E-2</v>
      </c>
      <c r="P50" s="216">
        <v>0.80300000000000005</v>
      </c>
      <c r="Q50" s="97">
        <v>7.3353527404220437E-2</v>
      </c>
      <c r="R50" s="216">
        <v>4.7E-2</v>
      </c>
      <c r="S50" s="97">
        <v>4.3617838255683619E-2</v>
      </c>
      <c r="T50" s="212">
        <v>118</v>
      </c>
      <c r="U50" s="216">
        <v>0.27900000000000003</v>
      </c>
      <c r="V50" s="97">
        <v>8.1845353059956646E-2</v>
      </c>
      <c r="W50" s="216">
        <v>0.30399999999999999</v>
      </c>
      <c r="X50" s="97">
        <v>8.3776006100092032E-2</v>
      </c>
      <c r="Y50" s="216">
        <v>0.32200000000000001</v>
      </c>
      <c r="Z50" s="97">
        <v>8.4999436774003026E-2</v>
      </c>
      <c r="AA50" s="216">
        <v>9.5000000000000001E-2</v>
      </c>
      <c r="AB50" s="97">
        <v>5.6264718041253894E-2</v>
      </c>
      <c r="AC50" s="212">
        <v>118</v>
      </c>
      <c r="AD50" s="216">
        <v>0.13200000000000001</v>
      </c>
      <c r="AE50" s="97">
        <v>6.3584379003556332E-2</v>
      </c>
      <c r="AF50" s="216">
        <v>0.45099999999999996</v>
      </c>
      <c r="AG50" s="97">
        <v>9.012811675270023E-2</v>
      </c>
      <c r="AH50" s="216">
        <v>0.32200000000000001</v>
      </c>
      <c r="AI50" s="97">
        <v>8.4999436774003026E-2</v>
      </c>
      <c r="AJ50" s="216">
        <v>9.5000000000000001E-2</v>
      </c>
      <c r="AK50" s="97">
        <v>5.6264718041253894E-2</v>
      </c>
    </row>
    <row r="51" spans="1:37">
      <c r="A51" s="57" t="s">
        <v>451</v>
      </c>
      <c r="B51" s="211">
        <v>175</v>
      </c>
      <c r="C51" s="215">
        <v>0.108</v>
      </c>
      <c r="D51" s="94">
        <v>4.8005337487111437E-2</v>
      </c>
      <c r="E51" s="215">
        <v>0.21</v>
      </c>
      <c r="F51" s="94">
        <v>6.1565546307897831E-2</v>
      </c>
      <c r="G51" s="215">
        <v>0.53700000000000003</v>
      </c>
      <c r="H51" s="94">
        <v>7.4547649001808755E-2</v>
      </c>
      <c r="I51" s="215">
        <v>0.14499999999999999</v>
      </c>
      <c r="J51" s="94">
        <v>5.3803796332609934E-2</v>
      </c>
      <c r="K51" s="211">
        <v>175</v>
      </c>
      <c r="L51" s="215">
        <v>6.3E-2</v>
      </c>
      <c r="M51" s="94">
        <v>3.8829397679912739E-2</v>
      </c>
      <c r="N51" s="215">
        <v>0.20799999999999999</v>
      </c>
      <c r="O51" s="94">
        <v>6.1363302067232554E-2</v>
      </c>
      <c r="P51" s="215">
        <v>0.64700000000000002</v>
      </c>
      <c r="Q51" s="94">
        <v>7.1589452531176143E-2</v>
      </c>
      <c r="R51" s="215">
        <v>8.2000000000000003E-2</v>
      </c>
      <c r="S51" s="94">
        <v>4.3066181016590807E-2</v>
      </c>
      <c r="T51" s="211">
        <v>176</v>
      </c>
      <c r="U51" s="215">
        <v>0.309</v>
      </c>
      <c r="V51" s="94">
        <v>6.914113785409215E-2</v>
      </c>
      <c r="W51" s="215">
        <v>0.27400000000000002</v>
      </c>
      <c r="X51" s="94">
        <v>6.6861186503314463E-2</v>
      </c>
      <c r="Y51" s="215">
        <v>0.28300000000000003</v>
      </c>
      <c r="Z51" s="94">
        <v>6.749166049179442E-2</v>
      </c>
      <c r="AA51" s="215">
        <v>0.13400000000000001</v>
      </c>
      <c r="AB51" s="94">
        <v>5.2053700666584893E-2</v>
      </c>
      <c r="AC51" s="211">
        <v>176</v>
      </c>
      <c r="AD51" s="215">
        <v>8.2000000000000003E-2</v>
      </c>
      <c r="AE51" s="94">
        <v>4.2935410833359403E-2</v>
      </c>
      <c r="AF51" s="215">
        <v>0.501</v>
      </c>
      <c r="AG51" s="94">
        <v>7.4535456730429425E-2</v>
      </c>
      <c r="AH51" s="215">
        <v>0.28300000000000003</v>
      </c>
      <c r="AI51" s="94">
        <v>6.749166049179442E-2</v>
      </c>
      <c r="AJ51" s="215">
        <v>0.13400000000000001</v>
      </c>
      <c r="AK51" s="94">
        <v>5.2053700666584893E-2</v>
      </c>
    </row>
    <row r="52" spans="1:37">
      <c r="A52" s="49" t="s">
        <v>448</v>
      </c>
      <c r="B52" s="212">
        <v>115</v>
      </c>
      <c r="C52" s="216">
        <v>0.19800000000000001</v>
      </c>
      <c r="D52" s="97">
        <v>7.4433279187327284E-2</v>
      </c>
      <c r="E52" s="216">
        <v>7.8E-2</v>
      </c>
      <c r="F52" s="97">
        <v>5.3037745545861582E-2</v>
      </c>
      <c r="G52" s="216">
        <v>0.56999999999999995</v>
      </c>
      <c r="H52" s="97">
        <v>9.0826989553465937E-2</v>
      </c>
      <c r="I52" s="216">
        <v>0.153</v>
      </c>
      <c r="J52" s="97">
        <v>6.7996459850901844E-2</v>
      </c>
      <c r="K52" s="212">
        <v>115</v>
      </c>
      <c r="L52" s="216">
        <v>4.5999999999999999E-2</v>
      </c>
      <c r="M52" s="97">
        <v>4.3966241758202664E-2</v>
      </c>
      <c r="N52" s="216">
        <v>0.14299999999999999</v>
      </c>
      <c r="O52" s="97">
        <v>6.6351495901775734E-2</v>
      </c>
      <c r="P52" s="216">
        <v>0.77600000000000002</v>
      </c>
      <c r="Q52" s="97">
        <v>7.7537522959085711E-2</v>
      </c>
      <c r="R52" s="216">
        <v>3.5000000000000003E-2</v>
      </c>
      <c r="S52" s="97">
        <v>4.0195668345181443E-2</v>
      </c>
      <c r="T52" s="212">
        <v>116</v>
      </c>
      <c r="U52" s="216">
        <v>0.254</v>
      </c>
      <c r="V52" s="97">
        <v>8.0301755896119723E-2</v>
      </c>
      <c r="W52" s="216">
        <v>0.36899999999999999</v>
      </c>
      <c r="X52" s="97">
        <v>8.8310814530061746E-2</v>
      </c>
      <c r="Y52" s="216">
        <v>0.315</v>
      </c>
      <c r="Z52" s="97">
        <v>8.5248389796892726E-2</v>
      </c>
      <c r="AA52" s="216">
        <v>6.0999999999999999E-2</v>
      </c>
      <c r="AB52" s="97">
        <v>4.8274538569250715E-2</v>
      </c>
      <c r="AC52" s="212">
        <v>116</v>
      </c>
      <c r="AD52" s="216">
        <v>9.9000000000000005E-2</v>
      </c>
      <c r="AE52" s="97">
        <v>5.7660037833520042E-2</v>
      </c>
      <c r="AF52" s="216">
        <v>0.52400000000000002</v>
      </c>
      <c r="AG52" s="97">
        <v>9.1188771238568625E-2</v>
      </c>
      <c r="AH52" s="216">
        <v>0.315</v>
      </c>
      <c r="AI52" s="97">
        <v>8.5248389796892726E-2</v>
      </c>
      <c r="AJ52" s="216">
        <v>6.0999999999999999E-2</v>
      </c>
      <c r="AK52" s="97">
        <v>4.8274538569250715E-2</v>
      </c>
    </row>
    <row r="53" spans="1:37">
      <c r="A53" s="57" t="s">
        <v>449</v>
      </c>
      <c r="B53" s="211">
        <v>142</v>
      </c>
      <c r="C53" s="215">
        <v>0.28299999999999997</v>
      </c>
      <c r="D53" s="94">
        <v>7.5026182408851658E-2</v>
      </c>
      <c r="E53" s="215">
        <v>0.17299999999999999</v>
      </c>
      <c r="F53" s="94">
        <v>6.3859833952657583E-2</v>
      </c>
      <c r="G53" s="215">
        <v>0.41</v>
      </c>
      <c r="H53" s="94">
        <v>8.1482455574676316E-2</v>
      </c>
      <c r="I53" s="215">
        <v>0.13400000000000001</v>
      </c>
      <c r="J53" s="94">
        <v>5.8117383837145625E-2</v>
      </c>
      <c r="K53" s="211">
        <v>140</v>
      </c>
      <c r="L53" s="215">
        <v>0.33200000000000002</v>
      </c>
      <c r="M53" s="94">
        <v>7.8761634453129503E-2</v>
      </c>
      <c r="N53" s="215">
        <v>0.16</v>
      </c>
      <c r="O53" s="94">
        <v>6.2524000878631039E-2</v>
      </c>
      <c r="P53" s="215">
        <v>0.41599999999999998</v>
      </c>
      <c r="Q53" s="94">
        <v>8.2214245108529899E-2</v>
      </c>
      <c r="R53" s="215">
        <v>9.1999999999999998E-2</v>
      </c>
      <c r="S53" s="94">
        <v>5.073229180806605E-2</v>
      </c>
      <c r="T53" s="211">
        <v>142</v>
      </c>
      <c r="U53" s="215">
        <v>0.33200000000000002</v>
      </c>
      <c r="V53" s="94">
        <v>7.8216652981941928E-2</v>
      </c>
      <c r="W53" s="215">
        <v>0.255</v>
      </c>
      <c r="X53" s="94">
        <v>7.2757617073048009E-2</v>
      </c>
      <c r="Y53" s="215">
        <v>0.35299999999999998</v>
      </c>
      <c r="Z53" s="94">
        <v>7.9305000769239006E-2</v>
      </c>
      <c r="AA53" s="215">
        <v>6.2E-2</v>
      </c>
      <c r="AB53" s="94">
        <v>4.3328626368876487E-2</v>
      </c>
      <c r="AC53" s="211">
        <v>142</v>
      </c>
      <c r="AD53" s="215">
        <v>0.19500000000000001</v>
      </c>
      <c r="AE53" s="94">
        <v>6.6621489558399485E-2</v>
      </c>
      <c r="AF53" s="215">
        <v>0.39200000000000002</v>
      </c>
      <c r="AG53" s="94">
        <v>8.0913681078003841E-2</v>
      </c>
      <c r="AH53" s="215">
        <v>0.35299999999999998</v>
      </c>
      <c r="AI53" s="94">
        <v>7.9305000769239006E-2</v>
      </c>
      <c r="AJ53" s="215">
        <v>6.2E-2</v>
      </c>
      <c r="AK53" s="94">
        <v>4.3328626368876487E-2</v>
      </c>
    </row>
  </sheetData>
  <mergeCells count="9">
    <mergeCell ref="A3:D3"/>
    <mergeCell ref="AC34:AK34"/>
    <mergeCell ref="A32:AK32"/>
    <mergeCell ref="A33:AK33"/>
    <mergeCell ref="T34:AB34"/>
    <mergeCell ref="A4:D4"/>
    <mergeCell ref="A5:D5"/>
    <mergeCell ref="B34:J34"/>
    <mergeCell ref="K34:S34"/>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7" customWidth="1"/>
    <col min="2" max="9" width="8.85546875" style="21"/>
    <col min="10" max="10" width="19.42578125" style="21" customWidth="1"/>
    <col min="11" max="12" width="8.85546875" style="21"/>
    <col min="13" max="13" width="9.140625" style="21" customWidth="1"/>
    <col min="14" max="16384" width="8.85546875" style="21"/>
  </cols>
  <sheetData>
    <row r="1" spans="1:14" s="10" customFormat="1" ht="23.25">
      <c r="A1" s="235" t="s">
        <v>465</v>
      </c>
      <c r="F1" s="307"/>
      <c r="G1" s="307"/>
      <c r="H1" s="307"/>
      <c r="I1" s="307"/>
      <c r="J1" s="307"/>
      <c r="K1" s="307"/>
      <c r="L1" s="307"/>
      <c r="M1" s="307"/>
      <c r="N1" s="307"/>
    </row>
    <row r="2" spans="1:14" ht="21">
      <c r="A2" s="223"/>
      <c r="B2" s="13"/>
      <c r="C2" s="13"/>
      <c r="D2" s="13"/>
      <c r="E2" s="13"/>
      <c r="F2" s="308"/>
      <c r="G2" s="308"/>
      <c r="H2" s="308"/>
      <c r="I2" s="308"/>
      <c r="J2" s="308"/>
      <c r="K2" s="308"/>
      <c r="L2" s="308"/>
      <c r="M2" s="308"/>
      <c r="N2" s="308"/>
    </row>
    <row r="3" spans="1:14" s="12" customFormat="1" ht="21">
      <c r="A3" s="236" t="s">
        <v>172</v>
      </c>
      <c r="B3" s="11"/>
      <c r="C3" s="11"/>
      <c r="D3" s="11"/>
      <c r="E3" s="11"/>
      <c r="F3" s="20"/>
      <c r="G3" s="20"/>
      <c r="H3" s="20"/>
      <c r="I3" s="20"/>
      <c r="J3" s="20"/>
      <c r="K3" s="20"/>
      <c r="L3" s="20"/>
      <c r="M3" s="20"/>
      <c r="N3" s="20"/>
    </row>
    <row r="4" spans="1:14" s="12" customFormat="1" ht="31.5">
      <c r="A4" s="237" t="s">
        <v>463</v>
      </c>
      <c r="B4" s="11"/>
      <c r="C4" s="11"/>
      <c r="D4" s="11"/>
      <c r="E4" s="11"/>
      <c r="F4" s="20"/>
      <c r="G4" s="20"/>
      <c r="H4" s="20"/>
      <c r="I4" s="20"/>
      <c r="J4" s="20"/>
      <c r="K4" s="20"/>
      <c r="L4" s="20"/>
      <c r="M4" s="20"/>
      <c r="N4" s="20"/>
    </row>
    <row r="5" spans="1:14" ht="18.75" customHeight="1">
      <c r="A5" s="223"/>
      <c r="B5" s="13"/>
      <c r="C5" s="13"/>
      <c r="D5" s="13"/>
      <c r="E5" s="13"/>
      <c r="F5" s="20"/>
      <c r="G5" s="20"/>
      <c r="H5" s="20"/>
      <c r="I5" s="20"/>
      <c r="J5" s="20"/>
      <c r="K5" s="20"/>
      <c r="L5" s="20"/>
      <c r="M5" s="20"/>
      <c r="N5" s="20"/>
    </row>
    <row r="6" spans="1:14">
      <c r="A6" s="238" t="s">
        <v>173</v>
      </c>
      <c r="B6" s="13"/>
      <c r="C6" s="13"/>
      <c r="D6" s="13"/>
      <c r="E6" s="13"/>
    </row>
    <row r="7" spans="1:14" ht="51" customHeight="1">
      <c r="A7" s="239" t="s">
        <v>246</v>
      </c>
      <c r="B7" s="13"/>
      <c r="C7" s="13"/>
      <c r="D7" s="13"/>
      <c r="E7" s="13"/>
      <c r="F7" s="13"/>
      <c r="G7" s="13"/>
    </row>
    <row r="8" spans="1:14">
      <c r="A8" s="217"/>
      <c r="B8" s="13"/>
      <c r="C8" s="13"/>
      <c r="D8" s="13"/>
      <c r="E8" s="13"/>
      <c r="F8" s="13"/>
      <c r="G8" s="13"/>
    </row>
    <row r="9" spans="1:14">
      <c r="A9" s="236" t="s">
        <v>174</v>
      </c>
      <c r="B9" s="13"/>
      <c r="C9" s="13"/>
      <c r="D9" s="13"/>
      <c r="E9" s="13"/>
      <c r="F9" s="13"/>
      <c r="G9" s="13"/>
    </row>
    <row r="10" spans="1:14" ht="30">
      <c r="A10" s="237" t="s">
        <v>466</v>
      </c>
      <c r="B10" s="13"/>
      <c r="C10" s="13"/>
      <c r="D10" s="13"/>
      <c r="E10" s="13"/>
      <c r="F10" s="13"/>
      <c r="G10" s="13"/>
    </row>
    <row r="11" spans="1:14">
      <c r="A11" s="223"/>
      <c r="B11" s="14"/>
      <c r="C11" s="14"/>
      <c r="D11" s="14"/>
      <c r="E11" s="14"/>
    </row>
    <row r="12" spans="1:14">
      <c r="A12" s="236" t="s">
        <v>175</v>
      </c>
    </row>
    <row r="13" spans="1:14" ht="135">
      <c r="A13" s="237" t="s">
        <v>464</v>
      </c>
    </row>
    <row r="14" spans="1:14">
      <c r="A14" s="217"/>
    </row>
    <row r="15" spans="1:14">
      <c r="A15" s="238" t="s">
        <v>2</v>
      </c>
    </row>
    <row r="16" spans="1:14" ht="45">
      <c r="A16" s="239" t="s">
        <v>176</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53"/>
  <sheetViews>
    <sheetView workbookViewId="0"/>
  </sheetViews>
  <sheetFormatPr defaultColWidth="8.85546875" defaultRowHeight="15"/>
  <cols>
    <col min="1" max="1" width="128.28515625" style="306" customWidth="1"/>
    <col min="2" max="7" width="8.85546875" style="2"/>
    <col min="8" max="8" width="19.42578125" style="2" customWidth="1"/>
    <col min="9" max="10" width="8.85546875" style="2"/>
    <col min="11" max="11" width="9.140625" style="2" customWidth="1"/>
    <col min="12" max="16384" width="8.85546875" style="2"/>
  </cols>
  <sheetData>
    <row r="1" spans="1:14" ht="23.25">
      <c r="A1" s="235" t="s">
        <v>454</v>
      </c>
      <c r="B1" s="9"/>
      <c r="C1" s="9"/>
      <c r="D1" s="9"/>
      <c r="E1" s="9"/>
      <c r="F1" s="9"/>
      <c r="G1" s="9"/>
      <c r="N1" s="8"/>
    </row>
    <row r="2" spans="1:14" ht="105">
      <c r="A2" s="301" t="s">
        <v>467</v>
      </c>
      <c r="B2" s="6"/>
      <c r="C2" s="6"/>
      <c r="D2" s="6"/>
    </row>
    <row r="3" spans="1:14" s="17" customFormat="1">
      <c r="A3" s="237"/>
      <c r="B3" s="13"/>
      <c r="C3" s="13"/>
      <c r="D3" s="13"/>
    </row>
    <row r="4" spans="1:14" s="18" customFormat="1">
      <c r="A4" s="236" t="s">
        <v>435</v>
      </c>
      <c r="B4" s="13"/>
      <c r="C4" s="13"/>
      <c r="D4" s="13"/>
    </row>
    <row r="5" spans="1:14" s="18" customFormat="1" ht="30">
      <c r="A5" s="237" t="s">
        <v>452</v>
      </c>
      <c r="B5" s="13"/>
      <c r="C5" s="13"/>
      <c r="D5" s="13"/>
    </row>
    <row r="6" spans="1:14" s="18" customFormat="1">
      <c r="A6" s="237"/>
      <c r="B6" s="13"/>
      <c r="C6" s="13"/>
      <c r="D6" s="13"/>
    </row>
    <row r="7" spans="1:14">
      <c r="A7" s="302" t="s">
        <v>436</v>
      </c>
    </row>
    <row r="8" spans="1:14" ht="31.5" customHeight="1">
      <c r="A8" s="303" t="s">
        <v>462</v>
      </c>
    </row>
    <row r="9" spans="1:14" s="17" customFormat="1">
      <c r="A9" s="303"/>
    </row>
    <row r="10" spans="1:14">
      <c r="A10" s="304" t="s">
        <v>437</v>
      </c>
    </row>
    <row r="11" spans="1:14" ht="45">
      <c r="A11" s="303" t="s">
        <v>453</v>
      </c>
    </row>
    <row r="12" spans="1:14">
      <c r="A12" s="224"/>
    </row>
    <row r="13" spans="1:14" s="19" customFormat="1">
      <c r="A13" s="304" t="s">
        <v>438</v>
      </c>
    </row>
    <row r="14" spans="1:14" s="19" customFormat="1" ht="30">
      <c r="A14" s="303" t="s">
        <v>471</v>
      </c>
    </row>
    <row r="15" spans="1:14" s="19" customFormat="1">
      <c r="A15" s="223"/>
    </row>
    <row r="16" spans="1:14" s="19" customFormat="1">
      <c r="A16" s="304" t="s">
        <v>439</v>
      </c>
    </row>
    <row r="17" spans="1:1" s="19" customFormat="1" ht="30">
      <c r="A17" s="303" t="s">
        <v>470</v>
      </c>
    </row>
    <row r="18" spans="1:1" s="19" customFormat="1">
      <c r="A18" s="223"/>
    </row>
    <row r="19" spans="1:1" s="218" customFormat="1">
      <c r="A19" s="238" t="s">
        <v>440</v>
      </c>
    </row>
    <row r="20" spans="1:1" s="218" customFormat="1" ht="30">
      <c r="A20" s="301" t="s">
        <v>455</v>
      </c>
    </row>
    <row r="21" spans="1:1" s="218" customFormat="1">
      <c r="A21" s="222"/>
    </row>
    <row r="22" spans="1:1" s="218" customFormat="1">
      <c r="A22" s="238" t="s">
        <v>441</v>
      </c>
    </row>
    <row r="23" spans="1:1" s="218" customFormat="1" ht="45">
      <c r="A23" s="301" t="s">
        <v>468</v>
      </c>
    </row>
    <row r="24" spans="1:1" s="218" customFormat="1">
      <c r="A24" s="222"/>
    </row>
    <row r="25" spans="1:1" s="218" customFormat="1">
      <c r="A25" s="238" t="s">
        <v>442</v>
      </c>
    </row>
    <row r="26" spans="1:1" s="218" customFormat="1" ht="45">
      <c r="A26" s="301" t="s">
        <v>456</v>
      </c>
    </row>
    <row r="27" spans="1:1" s="218" customFormat="1">
      <c r="A27" s="222"/>
    </row>
    <row r="28" spans="1:1" s="218" customFormat="1">
      <c r="A28" s="238" t="s">
        <v>443</v>
      </c>
    </row>
    <row r="29" spans="1:1" s="218" customFormat="1" ht="45">
      <c r="A29" s="301" t="s">
        <v>469</v>
      </c>
    </row>
    <row r="30" spans="1:1" s="218" customFormat="1">
      <c r="A30" s="222"/>
    </row>
    <row r="31" spans="1:1" s="19" customFormat="1">
      <c r="A31" s="304" t="s">
        <v>444</v>
      </c>
    </row>
    <row r="32" spans="1:1" s="19" customFormat="1" ht="45">
      <c r="A32" s="303" t="s">
        <v>472</v>
      </c>
    </row>
    <row r="33" spans="1:1" s="19" customFormat="1">
      <c r="A33" s="223"/>
    </row>
    <row r="34" spans="1:1" s="19" customFormat="1">
      <c r="A34" s="302" t="s">
        <v>445</v>
      </c>
    </row>
    <row r="35" spans="1:1" s="19" customFormat="1" ht="66.75" customHeight="1">
      <c r="A35" s="303" t="s">
        <v>473</v>
      </c>
    </row>
    <row r="36" spans="1:1" s="19" customFormat="1">
      <c r="A36" s="225"/>
    </row>
    <row r="37" spans="1:1" s="218" customFormat="1">
      <c r="A37" s="238" t="s">
        <v>450</v>
      </c>
    </row>
    <row r="38" spans="1:1" s="218" customFormat="1" ht="30">
      <c r="A38" s="301" t="s">
        <v>457</v>
      </c>
    </row>
    <row r="39" spans="1:1" s="218" customFormat="1">
      <c r="A39" s="222"/>
    </row>
    <row r="40" spans="1:1" s="19" customFormat="1">
      <c r="A40" s="305" t="s">
        <v>447</v>
      </c>
    </row>
    <row r="41" spans="1:1" s="19" customFormat="1" ht="45">
      <c r="A41" s="301" t="s">
        <v>458</v>
      </c>
    </row>
    <row r="42" spans="1:1">
      <c r="A42" s="217"/>
    </row>
    <row r="43" spans="1:1">
      <c r="A43" s="238" t="s">
        <v>446</v>
      </c>
    </row>
    <row r="44" spans="1:1" ht="30">
      <c r="A44" s="301" t="s">
        <v>459</v>
      </c>
    </row>
    <row r="45" spans="1:1">
      <c r="A45" s="222"/>
    </row>
    <row r="46" spans="1:1">
      <c r="A46" s="238" t="s">
        <v>451</v>
      </c>
    </row>
    <row r="47" spans="1:1" ht="45">
      <c r="A47" s="222" t="s">
        <v>474</v>
      </c>
    </row>
    <row r="48" spans="1:1">
      <c r="A48" s="222"/>
    </row>
    <row r="49" spans="1:1">
      <c r="A49" s="238" t="s">
        <v>448</v>
      </c>
    </row>
    <row r="50" spans="1:1" ht="60">
      <c r="A50" s="301" t="s">
        <v>460</v>
      </c>
    </row>
    <row r="51" spans="1:1">
      <c r="A51" s="222"/>
    </row>
    <row r="52" spans="1:1">
      <c r="A52" s="238" t="s">
        <v>449</v>
      </c>
    </row>
    <row r="53" spans="1:1" ht="75">
      <c r="A53" s="301" t="s">
        <v>461</v>
      </c>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52"/>
  <sheetViews>
    <sheetView zoomScaleNormal="100" workbookViewId="0">
      <selection sqref="A1:D1"/>
    </sheetView>
  </sheetViews>
  <sheetFormatPr defaultColWidth="8.85546875" defaultRowHeight="15"/>
  <cols>
    <col min="1" max="1" width="8.85546875" style="15"/>
    <col min="2" max="2" width="35.7109375" style="218" customWidth="1"/>
    <col min="3" max="3" width="36.140625" style="218" customWidth="1"/>
    <col min="4" max="4" width="21.140625" style="218" customWidth="1"/>
    <col min="5" max="5" width="8.85546875" style="218"/>
    <col min="6" max="6" width="23.42578125" style="218" customWidth="1"/>
    <col min="7" max="16384" width="8.85546875" style="218"/>
  </cols>
  <sheetData>
    <row r="1" spans="1:9" ht="21">
      <c r="A1" s="311" t="s">
        <v>0</v>
      </c>
      <c r="B1" s="311"/>
      <c r="C1" s="311"/>
      <c r="D1" s="311"/>
      <c r="E1" s="220"/>
      <c r="F1" s="220"/>
      <c r="G1" s="220"/>
      <c r="H1" s="220"/>
      <c r="I1" s="220"/>
    </row>
    <row r="2" spans="1:9" ht="21">
      <c r="A2" s="221"/>
      <c r="B2" s="221"/>
      <c r="C2" s="221"/>
      <c r="D2" s="221"/>
      <c r="E2" s="220"/>
      <c r="F2" s="220"/>
      <c r="G2" s="220"/>
      <c r="H2" s="220"/>
      <c r="I2" s="220"/>
    </row>
    <row r="3" spans="1:9" ht="21">
      <c r="A3" s="221" t="s">
        <v>5</v>
      </c>
      <c r="B3" s="221"/>
      <c r="C3" s="221"/>
      <c r="D3" s="221"/>
      <c r="E3" s="220"/>
      <c r="F3" s="220"/>
      <c r="G3" s="220"/>
      <c r="H3" s="220"/>
      <c r="I3" s="220"/>
    </row>
    <row r="4" spans="1:9" ht="21">
      <c r="A4" s="22"/>
      <c r="B4" s="220"/>
      <c r="C4" s="220"/>
      <c r="D4" s="220"/>
      <c r="E4" s="23"/>
      <c r="F4" s="220"/>
      <c r="G4" s="220"/>
      <c r="H4" s="220"/>
      <c r="I4" s="220"/>
    </row>
    <row r="5" spans="1:9" ht="18.75">
      <c r="A5" s="264" t="s">
        <v>63</v>
      </c>
      <c r="B5" s="24"/>
      <c r="C5" s="24"/>
      <c r="D5" s="220"/>
      <c r="E5" s="220"/>
      <c r="F5" s="220"/>
      <c r="G5" s="220"/>
      <c r="H5" s="220"/>
      <c r="I5" s="220"/>
    </row>
    <row r="6" spans="1:9" ht="18.75">
      <c r="A6" s="32"/>
      <c r="B6" s="24"/>
      <c r="C6" s="24"/>
      <c r="D6" s="220"/>
      <c r="E6" s="220"/>
      <c r="F6" s="220"/>
      <c r="G6" s="220"/>
      <c r="H6" s="220"/>
      <c r="I6" s="220"/>
    </row>
    <row r="7" spans="1:9" ht="18.75">
      <c r="A7" s="25">
        <v>1</v>
      </c>
      <c r="B7" s="232" t="s">
        <v>6</v>
      </c>
      <c r="C7" s="220"/>
      <c r="D7" s="220"/>
      <c r="E7" s="27"/>
      <c r="F7" s="27"/>
      <c r="G7" s="220"/>
      <c r="H7" s="220"/>
      <c r="I7" s="220"/>
    </row>
    <row r="8" spans="1:9">
      <c r="A8" s="25"/>
      <c r="B8" s="310" t="s">
        <v>8</v>
      </c>
      <c r="C8" s="310"/>
      <c r="D8" s="310"/>
      <c r="E8" s="310"/>
      <c r="F8" s="310"/>
      <c r="G8" s="220"/>
      <c r="H8" s="220"/>
      <c r="I8" s="220"/>
    </row>
    <row r="9" spans="1:9" ht="18.75">
      <c r="A9" s="32"/>
      <c r="B9" s="24"/>
      <c r="C9" s="24"/>
      <c r="D9" s="220"/>
      <c r="E9" s="220"/>
      <c r="F9" s="220"/>
      <c r="G9" s="220"/>
      <c r="H9" s="220"/>
      <c r="I9" s="220"/>
    </row>
    <row r="10" spans="1:9" ht="18.75">
      <c r="A10" s="25">
        <v>1</v>
      </c>
      <c r="B10" s="26" t="s">
        <v>7</v>
      </c>
      <c r="C10" s="220"/>
      <c r="D10" s="220"/>
      <c r="E10" s="27"/>
      <c r="F10" s="27"/>
      <c r="G10" s="220"/>
      <c r="H10" s="220"/>
      <c r="I10" s="220"/>
    </row>
    <row r="11" spans="1:9">
      <c r="A11" s="25"/>
      <c r="B11" s="310" t="s">
        <v>9</v>
      </c>
      <c r="C11" s="310"/>
      <c r="D11" s="310"/>
      <c r="E11" s="28"/>
      <c r="F11" s="28"/>
      <c r="G11" s="220"/>
      <c r="H11" s="220"/>
      <c r="I11" s="220"/>
    </row>
    <row r="12" spans="1:9" ht="18.75">
      <c r="A12" s="32"/>
      <c r="B12" s="24"/>
      <c r="C12" s="24"/>
      <c r="D12" s="220"/>
      <c r="E12" s="220"/>
      <c r="F12" s="220"/>
      <c r="G12" s="220"/>
      <c r="H12" s="220"/>
      <c r="I12" s="220"/>
    </row>
    <row r="13" spans="1:9" ht="18.75">
      <c r="A13" s="25">
        <v>1</v>
      </c>
      <c r="B13" s="26" t="s">
        <v>56</v>
      </c>
      <c r="C13" s="24"/>
      <c r="D13" s="220"/>
      <c r="E13" s="220"/>
      <c r="F13" s="220"/>
      <c r="G13" s="220"/>
      <c r="H13" s="220"/>
      <c r="I13" s="220"/>
    </row>
    <row r="14" spans="1:9" ht="18.75">
      <c r="A14" s="32"/>
      <c r="B14" s="220" t="s">
        <v>57</v>
      </c>
      <c r="C14" s="24"/>
      <c r="D14" s="220"/>
      <c r="E14" s="220"/>
      <c r="F14" s="220"/>
      <c r="G14" s="220"/>
      <c r="H14" s="220"/>
      <c r="I14" s="220"/>
    </row>
    <row r="15" spans="1:9" ht="18.75">
      <c r="A15" s="32"/>
      <c r="B15" s="220"/>
      <c r="C15" s="24"/>
      <c r="D15" s="220"/>
      <c r="E15" s="220"/>
      <c r="F15" s="220"/>
      <c r="G15" s="220"/>
      <c r="H15" s="220"/>
      <c r="I15" s="220"/>
    </row>
    <row r="16" spans="1:9" ht="18.75">
      <c r="A16" s="25">
        <v>1</v>
      </c>
      <c r="B16" s="26" t="s">
        <v>247</v>
      </c>
      <c r="C16" s="24"/>
      <c r="D16" s="220"/>
      <c r="E16" s="220"/>
      <c r="F16" s="220"/>
      <c r="G16" s="220"/>
      <c r="H16" s="220"/>
      <c r="I16" s="220"/>
    </row>
    <row r="17" spans="1:9" ht="18.75">
      <c r="A17" s="32"/>
      <c r="B17" s="220" t="s">
        <v>58</v>
      </c>
      <c r="C17" s="24"/>
      <c r="D17" s="220"/>
      <c r="E17" s="220"/>
      <c r="F17" s="220"/>
      <c r="G17" s="220"/>
      <c r="H17" s="220"/>
      <c r="I17" s="220"/>
    </row>
    <row r="18" spans="1:9" ht="18.75">
      <c r="A18" s="32"/>
      <c r="B18" s="220"/>
      <c r="C18" s="24"/>
      <c r="D18" s="220"/>
      <c r="E18" s="220"/>
      <c r="F18" s="220"/>
      <c r="G18" s="220"/>
      <c r="H18" s="220"/>
      <c r="I18" s="220"/>
    </row>
    <row r="19" spans="1:9" ht="18.75">
      <c r="A19" s="231" t="s">
        <v>64</v>
      </c>
      <c r="B19" s="220"/>
      <c r="C19" s="24"/>
      <c r="D19" s="220"/>
      <c r="E19" s="220"/>
      <c r="F19" s="220"/>
      <c r="G19" s="220"/>
      <c r="H19" s="220"/>
      <c r="I19" s="220"/>
    </row>
    <row r="20" spans="1:9" ht="18.75">
      <c r="A20" s="32"/>
      <c r="B20" s="220"/>
      <c r="C20" s="24"/>
      <c r="D20" s="220"/>
      <c r="E20" s="220"/>
      <c r="F20" s="220"/>
      <c r="G20" s="220"/>
      <c r="H20" s="220"/>
      <c r="I20" s="220"/>
    </row>
    <row r="21" spans="1:9" s="16" customFormat="1" ht="18.75">
      <c r="A21" s="25">
        <v>2</v>
      </c>
      <c r="B21" s="26" t="s">
        <v>59</v>
      </c>
      <c r="C21" s="220"/>
      <c r="D21" s="220"/>
      <c r="E21" s="27"/>
      <c r="F21" s="27"/>
      <c r="G21" s="27"/>
      <c r="H21" s="27"/>
      <c r="I21" s="27"/>
    </row>
    <row r="22" spans="1:9">
      <c r="A22" s="25"/>
      <c r="B22" s="309" t="s">
        <v>60</v>
      </c>
      <c r="C22" s="310"/>
      <c r="D22" s="310"/>
      <c r="E22" s="310"/>
      <c r="F22" s="310"/>
      <c r="G22" s="310"/>
      <c r="H22" s="220"/>
      <c r="I22" s="220"/>
    </row>
    <row r="23" spans="1:9">
      <c r="A23" s="25"/>
      <c r="B23" s="220"/>
      <c r="C23" s="220"/>
      <c r="D23" s="220"/>
      <c r="E23" s="220"/>
      <c r="F23" s="220"/>
      <c r="G23" s="220"/>
      <c r="H23" s="220"/>
      <c r="I23" s="220"/>
    </row>
    <row r="24" spans="1:9">
      <c r="A24" s="25">
        <v>2</v>
      </c>
      <c r="B24" s="26" t="s">
        <v>417</v>
      </c>
      <c r="C24" s="220"/>
      <c r="D24" s="220"/>
      <c r="E24" s="220"/>
      <c r="F24" s="220"/>
      <c r="G24" s="220"/>
      <c r="H24" s="220"/>
      <c r="I24" s="220"/>
    </row>
    <row r="25" spans="1:9">
      <c r="A25" s="25"/>
      <c r="B25" s="220" t="s">
        <v>61</v>
      </c>
      <c r="C25" s="220"/>
      <c r="D25" s="220"/>
      <c r="E25" s="220"/>
      <c r="F25" s="220"/>
      <c r="G25" s="220"/>
      <c r="H25" s="220"/>
      <c r="I25" s="220"/>
    </row>
    <row r="26" spans="1:9">
      <c r="A26" s="25"/>
      <c r="B26" s="220"/>
      <c r="C26" s="220"/>
      <c r="D26" s="220"/>
      <c r="E26" s="220"/>
      <c r="F26" s="220"/>
      <c r="G26" s="220"/>
      <c r="H26" s="220"/>
      <c r="I26" s="220"/>
    </row>
    <row r="27" spans="1:9">
      <c r="A27" s="25">
        <v>2</v>
      </c>
      <c r="B27" s="26" t="s">
        <v>253</v>
      </c>
      <c r="C27" s="220"/>
      <c r="D27" s="220"/>
      <c r="E27" s="220"/>
      <c r="F27" s="220"/>
      <c r="G27" s="220"/>
      <c r="H27" s="220"/>
      <c r="I27" s="220"/>
    </row>
    <row r="28" spans="1:9">
      <c r="A28" s="25"/>
      <c r="B28" s="220" t="s">
        <v>62</v>
      </c>
      <c r="C28" s="220"/>
      <c r="D28" s="220"/>
      <c r="E28" s="220"/>
      <c r="F28" s="220"/>
      <c r="G28" s="220"/>
      <c r="H28" s="220"/>
      <c r="I28" s="220"/>
    </row>
    <row r="29" spans="1:9">
      <c r="A29" s="25"/>
      <c r="B29" s="220"/>
      <c r="C29" s="220"/>
      <c r="D29" s="220"/>
      <c r="E29" s="220"/>
      <c r="F29" s="220"/>
      <c r="G29" s="220"/>
      <c r="H29" s="220"/>
      <c r="I29" s="220"/>
    </row>
    <row r="30" spans="1:9" s="16" customFormat="1" ht="18.75">
      <c r="A30" s="312" t="s">
        <v>18</v>
      </c>
      <c r="B30" s="312"/>
      <c r="C30" s="312"/>
      <c r="D30" s="27"/>
      <c r="E30" s="27"/>
      <c r="F30" s="27"/>
      <c r="G30" s="27"/>
      <c r="H30" s="27"/>
      <c r="I30" s="27"/>
    </row>
    <row r="31" spans="1:9" s="16" customFormat="1" ht="18.75">
      <c r="A31" s="32"/>
      <c r="B31" s="32"/>
      <c r="C31" s="32"/>
      <c r="D31" s="27"/>
      <c r="E31" s="27"/>
      <c r="F31" s="27"/>
      <c r="G31" s="27"/>
      <c r="H31" s="27"/>
      <c r="I31" s="27"/>
    </row>
    <row r="32" spans="1:9" s="16" customFormat="1" ht="18.75">
      <c r="A32" s="231" t="s">
        <v>42</v>
      </c>
      <c r="B32" s="32"/>
      <c r="C32" s="32"/>
      <c r="D32" s="27"/>
      <c r="E32" s="27"/>
      <c r="F32" s="27"/>
      <c r="G32" s="27"/>
      <c r="H32" s="27"/>
      <c r="I32" s="27"/>
    </row>
    <row r="33" spans="1:9" s="16" customFormat="1" ht="18.75">
      <c r="A33" s="32"/>
      <c r="B33" s="32"/>
      <c r="C33" s="32"/>
      <c r="D33" s="27"/>
      <c r="E33" s="27"/>
      <c r="F33" s="27"/>
      <c r="G33" s="27"/>
      <c r="H33" s="27"/>
      <c r="I33" s="27"/>
    </row>
    <row r="34" spans="1:9">
      <c r="A34" s="25">
        <v>3</v>
      </c>
      <c r="B34" s="233" t="s">
        <v>1</v>
      </c>
      <c r="C34" s="220"/>
      <c r="D34" s="220"/>
      <c r="E34" s="220"/>
      <c r="F34" s="220"/>
      <c r="G34" s="220"/>
      <c r="H34" s="220"/>
      <c r="I34" s="220"/>
    </row>
    <row r="35" spans="1:9">
      <c r="A35" s="22"/>
      <c r="B35" s="309" t="s">
        <v>20</v>
      </c>
      <c r="C35" s="310"/>
      <c r="D35" s="310"/>
      <c r="E35" s="310"/>
      <c r="F35" s="26"/>
      <c r="G35" s="220"/>
      <c r="H35" s="220"/>
      <c r="I35" s="220"/>
    </row>
    <row r="36" spans="1:9">
      <c r="A36" s="22"/>
      <c r="B36" s="219"/>
      <c r="C36" s="220"/>
      <c r="D36" s="220"/>
      <c r="E36" s="220"/>
      <c r="F36" s="26"/>
      <c r="G36" s="220"/>
      <c r="H36" s="220"/>
      <c r="I36" s="220"/>
    </row>
    <row r="37" spans="1:9">
      <c r="A37" s="22">
        <v>3</v>
      </c>
      <c r="B37" s="30" t="s">
        <v>35</v>
      </c>
      <c r="C37" s="220"/>
      <c r="D37" s="220"/>
      <c r="E37" s="220"/>
      <c r="F37" s="26"/>
      <c r="G37" s="220"/>
      <c r="H37" s="220"/>
      <c r="I37" s="220"/>
    </row>
    <row r="38" spans="1:9">
      <c r="A38" s="22"/>
      <c r="B38" s="280" t="s">
        <v>65</v>
      </c>
      <c r="C38" s="220"/>
      <c r="D38" s="220"/>
      <c r="E38" s="220"/>
      <c r="F38" s="26"/>
      <c r="G38" s="220"/>
      <c r="H38" s="220"/>
      <c r="I38" s="220"/>
    </row>
    <row r="39" spans="1:9">
      <c r="A39" s="22"/>
      <c r="B39" s="219"/>
      <c r="C39" s="220"/>
      <c r="D39" s="220"/>
      <c r="E39" s="220"/>
      <c r="F39" s="26"/>
      <c r="G39" s="220"/>
      <c r="H39" s="220"/>
      <c r="I39" s="220"/>
    </row>
    <row r="40" spans="1:9">
      <c r="A40" s="22">
        <v>3</v>
      </c>
      <c r="B40" s="30" t="s">
        <v>36</v>
      </c>
      <c r="C40" s="220"/>
      <c r="D40" s="220"/>
      <c r="E40" s="220"/>
      <c r="F40" s="26"/>
      <c r="G40" s="220"/>
      <c r="H40" s="220"/>
      <c r="I40" s="220"/>
    </row>
    <row r="41" spans="1:9">
      <c r="A41" s="22"/>
      <c r="B41" s="219" t="s">
        <v>66</v>
      </c>
      <c r="C41" s="220"/>
      <c r="D41" s="220"/>
      <c r="E41" s="220"/>
      <c r="F41" s="26"/>
      <c r="G41" s="220"/>
      <c r="H41" s="220"/>
      <c r="I41" s="220"/>
    </row>
    <row r="42" spans="1:9">
      <c r="A42" s="22"/>
      <c r="B42" s="219"/>
      <c r="C42" s="220"/>
      <c r="D42" s="220"/>
      <c r="E42" s="220"/>
      <c r="F42" s="26"/>
      <c r="G42" s="220"/>
      <c r="H42" s="220"/>
      <c r="I42" s="220"/>
    </row>
    <row r="43" spans="1:9">
      <c r="A43" s="25">
        <v>3</v>
      </c>
      <c r="B43" s="30" t="s">
        <v>10</v>
      </c>
      <c r="C43" s="220"/>
      <c r="D43" s="220"/>
      <c r="E43" s="220"/>
      <c r="F43" s="220"/>
      <c r="G43" s="220"/>
      <c r="H43" s="220"/>
      <c r="I43" s="220"/>
    </row>
    <row r="44" spans="1:9">
      <c r="A44" s="22"/>
      <c r="B44" s="309" t="s">
        <v>21</v>
      </c>
      <c r="C44" s="310"/>
      <c r="D44" s="220"/>
      <c r="E44" s="220"/>
      <c r="F44" s="220"/>
      <c r="G44" s="220"/>
      <c r="H44" s="220"/>
      <c r="I44" s="220"/>
    </row>
    <row r="45" spans="1:9">
      <c r="A45" s="22"/>
      <c r="B45" s="219"/>
      <c r="C45" s="220"/>
      <c r="D45" s="220"/>
      <c r="E45" s="220"/>
      <c r="F45" s="220"/>
      <c r="G45" s="220"/>
      <c r="H45" s="220"/>
      <c r="I45" s="220"/>
    </row>
    <row r="46" spans="1:9">
      <c r="A46" s="22">
        <v>3</v>
      </c>
      <c r="B46" s="30" t="s">
        <v>37</v>
      </c>
      <c r="C46" s="220"/>
      <c r="D46" s="220"/>
      <c r="E46" s="220"/>
      <c r="F46" s="220"/>
      <c r="G46" s="220"/>
      <c r="H46" s="220"/>
      <c r="I46" s="220"/>
    </row>
    <row r="47" spans="1:9">
      <c r="A47" s="22"/>
      <c r="B47" s="219" t="s">
        <v>67</v>
      </c>
      <c r="C47" s="220"/>
      <c r="D47" s="220"/>
      <c r="E47" s="220"/>
      <c r="F47" s="220"/>
      <c r="G47" s="220"/>
      <c r="H47" s="220"/>
      <c r="I47" s="220"/>
    </row>
    <row r="48" spans="1:9" ht="21">
      <c r="A48" s="29"/>
      <c r="B48" s="220"/>
      <c r="C48" s="220"/>
      <c r="D48" s="220"/>
      <c r="E48" s="220"/>
      <c r="F48" s="220"/>
      <c r="G48" s="220"/>
      <c r="H48" s="220"/>
      <c r="I48" s="220"/>
    </row>
    <row r="49" spans="1:9" s="16" customFormat="1" ht="18.75">
      <c r="A49" s="231" t="s">
        <v>41</v>
      </c>
      <c r="B49" s="32"/>
      <c r="C49" s="32"/>
      <c r="D49" s="27"/>
      <c r="E49" s="27"/>
      <c r="F49" s="27"/>
      <c r="G49" s="27"/>
      <c r="H49" s="27"/>
      <c r="I49" s="27"/>
    </row>
    <row r="50" spans="1:9" s="16" customFormat="1" ht="18.75">
      <c r="A50" s="32"/>
      <c r="B50" s="32"/>
      <c r="C50" s="32"/>
      <c r="D50" s="27"/>
      <c r="E50" s="27"/>
      <c r="F50" s="27"/>
      <c r="G50" s="27"/>
      <c r="H50" s="27"/>
      <c r="I50" s="27"/>
    </row>
    <row r="51" spans="1:9">
      <c r="A51" s="25">
        <v>4</v>
      </c>
      <c r="B51" s="232" t="s">
        <v>3</v>
      </c>
      <c r="C51" s="220"/>
      <c r="D51" s="220"/>
      <c r="E51" s="220"/>
      <c r="F51" s="220"/>
      <c r="G51" s="220"/>
      <c r="H51" s="220"/>
      <c r="I51" s="220"/>
    </row>
    <row r="52" spans="1:9">
      <c r="A52" s="22"/>
      <c r="B52" s="309" t="s">
        <v>19</v>
      </c>
      <c r="C52" s="310"/>
      <c r="D52" s="310"/>
      <c r="E52" s="220"/>
      <c r="F52" s="220"/>
      <c r="G52" s="220"/>
      <c r="H52" s="220"/>
      <c r="I52" s="220"/>
    </row>
    <row r="53" spans="1:9">
      <c r="A53" s="22"/>
      <c r="B53" s="309" t="s">
        <v>31</v>
      </c>
      <c r="C53" s="310"/>
      <c r="D53" s="310"/>
      <c r="E53" s="220"/>
      <c r="F53" s="220"/>
      <c r="G53" s="220"/>
      <c r="H53" s="220"/>
      <c r="I53" s="220"/>
    </row>
    <row r="54" spans="1:9" ht="21">
      <c r="A54" s="29"/>
      <c r="B54" s="220"/>
      <c r="C54" s="220"/>
      <c r="D54" s="220"/>
      <c r="E54" s="220"/>
      <c r="F54" s="220"/>
      <c r="G54" s="220"/>
      <c r="H54" s="220"/>
      <c r="I54" s="220"/>
    </row>
    <row r="55" spans="1:9">
      <c r="A55" s="25">
        <v>4</v>
      </c>
      <c r="B55" s="26" t="s">
        <v>293</v>
      </c>
      <c r="C55" s="281"/>
      <c r="D55" s="281"/>
      <c r="E55" s="281"/>
      <c r="F55" s="281"/>
      <c r="G55" s="281"/>
      <c r="H55" s="281"/>
      <c r="I55" s="281"/>
    </row>
    <row r="56" spans="1:9" ht="16.5" customHeight="1">
      <c r="A56" s="29"/>
      <c r="B56" s="280" t="s">
        <v>294</v>
      </c>
      <c r="C56" s="281"/>
      <c r="D56" s="281"/>
      <c r="E56" s="281"/>
      <c r="F56" s="281"/>
      <c r="G56" s="281"/>
      <c r="H56" s="281"/>
      <c r="I56" s="281"/>
    </row>
    <row r="57" spans="1:9" ht="17.25" customHeight="1">
      <c r="A57" s="29"/>
      <c r="B57" s="280" t="s">
        <v>399</v>
      </c>
      <c r="C57" s="281"/>
      <c r="D57" s="281"/>
      <c r="E57" s="281"/>
      <c r="F57" s="281"/>
      <c r="G57" s="281"/>
      <c r="H57" s="281"/>
      <c r="I57" s="281"/>
    </row>
    <row r="58" spans="1:9" ht="21">
      <c r="A58" s="29"/>
      <c r="B58" s="281"/>
      <c r="C58" s="281"/>
      <c r="D58" s="281"/>
      <c r="E58" s="281"/>
      <c r="F58" s="281"/>
      <c r="G58" s="281"/>
      <c r="H58" s="281"/>
      <c r="I58" s="281"/>
    </row>
    <row r="59" spans="1:9">
      <c r="A59" s="25">
        <v>4</v>
      </c>
      <c r="B59" s="26" t="s">
        <v>295</v>
      </c>
      <c r="C59" s="281"/>
      <c r="D59" s="281"/>
      <c r="E59" s="281"/>
      <c r="F59" s="281"/>
      <c r="G59" s="281"/>
      <c r="H59" s="281"/>
      <c r="I59" s="281"/>
    </row>
    <row r="60" spans="1:9" ht="21">
      <c r="A60" s="29"/>
      <c r="B60" s="280" t="s">
        <v>418</v>
      </c>
      <c r="C60" s="281"/>
      <c r="D60" s="281"/>
      <c r="E60" s="281"/>
      <c r="F60" s="281"/>
      <c r="G60" s="281"/>
      <c r="H60" s="281"/>
      <c r="I60" s="281"/>
    </row>
    <row r="61" spans="1:9" ht="21">
      <c r="A61" s="29"/>
      <c r="B61" s="281"/>
      <c r="C61" s="281"/>
      <c r="D61" s="281"/>
      <c r="E61" s="281"/>
      <c r="F61" s="281"/>
      <c r="G61" s="281"/>
      <c r="H61" s="281"/>
      <c r="I61" s="281"/>
    </row>
    <row r="62" spans="1:9">
      <c r="A62" s="25">
        <v>4</v>
      </c>
      <c r="B62" s="30" t="s">
        <v>230</v>
      </c>
      <c r="C62" s="220"/>
      <c r="D62" s="220"/>
      <c r="E62" s="220"/>
      <c r="F62" s="220"/>
      <c r="G62" s="220"/>
      <c r="H62" s="220"/>
      <c r="I62" s="220"/>
    </row>
    <row r="63" spans="1:9">
      <c r="A63" s="22"/>
      <c r="B63" s="309" t="s">
        <v>239</v>
      </c>
      <c r="C63" s="310"/>
      <c r="D63" s="220"/>
      <c r="E63" s="220"/>
      <c r="F63" s="220"/>
      <c r="G63" s="220"/>
      <c r="H63" s="220"/>
      <c r="I63" s="220"/>
    </row>
    <row r="64" spans="1:9">
      <c r="A64" s="22"/>
      <c r="B64" s="309" t="s">
        <v>240</v>
      </c>
      <c r="C64" s="310"/>
      <c r="D64" s="310"/>
      <c r="E64" s="310"/>
      <c r="F64" s="220"/>
      <c r="G64" s="220"/>
      <c r="H64" s="220"/>
      <c r="I64" s="220"/>
    </row>
    <row r="65" spans="1:9" ht="21">
      <c r="A65" s="29"/>
      <c r="B65" s="220"/>
      <c r="C65" s="220"/>
      <c r="D65" s="220"/>
      <c r="E65" s="220"/>
      <c r="F65" s="220"/>
      <c r="G65" s="220"/>
      <c r="H65" s="220"/>
      <c r="I65" s="220"/>
    </row>
    <row r="66" spans="1:9">
      <c r="A66" s="25">
        <v>4</v>
      </c>
      <c r="B66" s="30" t="s">
        <v>38</v>
      </c>
      <c r="C66" s="220"/>
      <c r="D66" s="220"/>
      <c r="E66" s="220"/>
      <c r="F66" s="220"/>
      <c r="G66" s="220"/>
      <c r="H66" s="220"/>
      <c r="I66" s="220"/>
    </row>
    <row r="67" spans="1:9">
      <c r="A67" s="22"/>
      <c r="B67" s="309" t="s">
        <v>68</v>
      </c>
      <c r="C67" s="310"/>
      <c r="D67" s="310"/>
      <c r="E67" s="310"/>
      <c r="F67" s="26"/>
      <c r="G67" s="220"/>
      <c r="H67" s="220"/>
      <c r="I67" s="220"/>
    </row>
    <row r="68" spans="1:9">
      <c r="A68" s="22"/>
      <c r="B68" s="309"/>
      <c r="C68" s="310"/>
      <c r="D68" s="310"/>
      <c r="E68" s="310"/>
      <c r="F68" s="220"/>
      <c r="G68" s="26"/>
      <c r="H68" s="220"/>
      <c r="I68" s="220"/>
    </row>
    <row r="69" spans="1:9">
      <c r="A69" s="22">
        <v>4</v>
      </c>
      <c r="B69" s="30" t="s">
        <v>39</v>
      </c>
      <c r="C69" s="220"/>
      <c r="D69" s="220"/>
      <c r="E69" s="220"/>
      <c r="F69" s="220"/>
      <c r="G69" s="26"/>
      <c r="H69" s="220"/>
      <c r="I69" s="220"/>
    </row>
    <row r="70" spans="1:9">
      <c r="A70" s="22"/>
      <c r="B70" s="219" t="s">
        <v>69</v>
      </c>
      <c r="C70" s="220"/>
      <c r="D70" s="220"/>
      <c r="E70" s="220"/>
      <c r="F70" s="220"/>
      <c r="G70" s="26"/>
      <c r="H70" s="220"/>
      <c r="I70" s="220"/>
    </row>
    <row r="71" spans="1:9">
      <c r="A71" s="22"/>
      <c r="B71" s="219"/>
      <c r="C71" s="220"/>
      <c r="D71" s="220"/>
      <c r="E71" s="220"/>
      <c r="F71" s="220"/>
      <c r="G71" s="26"/>
      <c r="H71" s="220"/>
      <c r="I71" s="220"/>
    </row>
    <row r="72" spans="1:9">
      <c r="A72" s="25">
        <v>4</v>
      </c>
      <c r="B72" s="30" t="s">
        <v>4</v>
      </c>
      <c r="C72" s="220"/>
      <c r="D72" s="220"/>
      <c r="E72" s="220"/>
      <c r="F72" s="220"/>
      <c r="G72" s="220"/>
      <c r="H72" s="220"/>
      <c r="I72" s="220"/>
    </row>
    <row r="73" spans="1:9">
      <c r="A73" s="22"/>
      <c r="B73" s="309" t="s">
        <v>22</v>
      </c>
      <c r="C73" s="310"/>
      <c r="D73" s="310"/>
      <c r="E73" s="220"/>
      <c r="F73" s="220"/>
      <c r="G73" s="220"/>
      <c r="H73" s="220"/>
      <c r="I73" s="220"/>
    </row>
    <row r="74" spans="1:9">
      <c r="A74" s="22"/>
      <c r="B74" s="219"/>
      <c r="C74" s="220"/>
      <c r="D74" s="220"/>
      <c r="E74" s="220"/>
      <c r="F74" s="220"/>
      <c r="G74" s="220"/>
      <c r="H74" s="220"/>
      <c r="I74" s="220"/>
    </row>
    <row r="75" spans="1:9">
      <c r="A75" s="234" t="s">
        <v>70</v>
      </c>
      <c r="B75" s="219"/>
      <c r="C75" s="220"/>
      <c r="D75" s="220"/>
      <c r="E75" s="220"/>
      <c r="F75" s="220"/>
      <c r="G75" s="220"/>
      <c r="H75" s="220"/>
      <c r="I75" s="220"/>
    </row>
    <row r="76" spans="1:9">
      <c r="A76" s="22"/>
      <c r="B76" s="219"/>
      <c r="C76" s="220"/>
      <c r="D76" s="220"/>
      <c r="E76" s="220"/>
      <c r="F76" s="220"/>
      <c r="G76" s="220"/>
      <c r="H76" s="220"/>
      <c r="I76" s="220"/>
    </row>
    <row r="77" spans="1:9">
      <c r="A77" s="25">
        <v>5</v>
      </c>
      <c r="B77" s="233" t="s">
        <v>11</v>
      </c>
      <c r="C77" s="220"/>
      <c r="D77" s="220"/>
      <c r="E77" s="220"/>
      <c r="F77" s="220"/>
      <c r="G77" s="220"/>
      <c r="H77" s="220"/>
      <c r="I77" s="220"/>
    </row>
    <row r="78" spans="1:9">
      <c r="A78" s="22"/>
      <c r="B78" s="309" t="s">
        <v>23</v>
      </c>
      <c r="C78" s="310"/>
      <c r="D78" s="310"/>
      <c r="E78" s="220"/>
      <c r="F78" s="220"/>
      <c r="G78" s="220"/>
      <c r="H78" s="220"/>
      <c r="I78" s="220"/>
    </row>
    <row r="79" spans="1:9">
      <c r="A79" s="22"/>
      <c r="B79" s="219"/>
      <c r="C79" s="220"/>
      <c r="D79" s="220"/>
      <c r="E79" s="220"/>
      <c r="F79" s="220"/>
      <c r="G79" s="220"/>
      <c r="H79" s="220"/>
      <c r="I79" s="220"/>
    </row>
    <row r="80" spans="1:9">
      <c r="A80" s="22">
        <v>5</v>
      </c>
      <c r="B80" s="30" t="s">
        <v>43</v>
      </c>
      <c r="C80" s="220"/>
      <c r="D80" s="220"/>
      <c r="E80" s="220"/>
      <c r="F80" s="220"/>
      <c r="G80" s="220"/>
      <c r="H80" s="220"/>
      <c r="I80" s="220"/>
    </row>
    <row r="81" spans="1:9">
      <c r="A81" s="22"/>
      <c r="B81" s="219" t="s">
        <v>71</v>
      </c>
      <c r="C81" s="220"/>
      <c r="D81" s="220"/>
      <c r="E81" s="220"/>
      <c r="F81" s="220"/>
      <c r="G81" s="220"/>
      <c r="H81" s="220"/>
      <c r="I81" s="220"/>
    </row>
    <row r="82" spans="1:9">
      <c r="A82" s="22"/>
      <c r="B82" s="220"/>
      <c r="C82" s="220"/>
      <c r="D82" s="220"/>
      <c r="E82" s="220"/>
      <c r="F82" s="220"/>
      <c r="G82" s="220"/>
      <c r="H82" s="220"/>
      <c r="I82" s="220"/>
    </row>
    <row r="83" spans="1:9">
      <c r="A83" s="25">
        <v>5</v>
      </c>
      <c r="B83" s="30" t="s">
        <v>262</v>
      </c>
      <c r="C83" s="220"/>
      <c r="D83" s="220"/>
      <c r="E83" s="220"/>
      <c r="F83" s="220"/>
      <c r="G83" s="220"/>
      <c r="H83" s="220"/>
      <c r="I83" s="220"/>
    </row>
    <row r="84" spans="1:9">
      <c r="A84" s="22"/>
      <c r="B84" s="309" t="s">
        <v>72</v>
      </c>
      <c r="C84" s="310"/>
      <c r="D84" s="310"/>
      <c r="E84" s="220"/>
      <c r="F84" s="220"/>
      <c r="G84" s="220"/>
      <c r="H84" s="220"/>
      <c r="I84" s="220"/>
    </row>
    <row r="85" spans="1:9">
      <c r="A85" s="22"/>
      <c r="B85" s="309"/>
      <c r="C85" s="310"/>
      <c r="D85" s="310"/>
      <c r="E85" s="220"/>
      <c r="F85" s="220"/>
      <c r="G85" s="220"/>
      <c r="H85" s="220"/>
      <c r="I85" s="220"/>
    </row>
    <row r="86" spans="1:9">
      <c r="A86" s="22">
        <v>5</v>
      </c>
      <c r="B86" s="30" t="s">
        <v>44</v>
      </c>
      <c r="C86" s="220"/>
      <c r="D86" s="220"/>
      <c r="E86" s="220"/>
      <c r="F86" s="220"/>
      <c r="G86" s="220"/>
      <c r="H86" s="220"/>
      <c r="I86" s="220"/>
    </row>
    <row r="87" spans="1:9">
      <c r="A87" s="22"/>
      <c r="B87" s="309" t="s">
        <v>72</v>
      </c>
      <c r="C87" s="310"/>
      <c r="D87" s="310"/>
      <c r="E87" s="220"/>
      <c r="F87" s="220"/>
      <c r="G87" s="220"/>
      <c r="H87" s="220"/>
      <c r="I87" s="220"/>
    </row>
    <row r="88" spans="1:9">
      <c r="A88" s="22"/>
      <c r="B88" s="219"/>
      <c r="C88" s="220"/>
      <c r="D88" s="220"/>
      <c r="E88" s="220"/>
      <c r="F88" s="220"/>
      <c r="G88" s="220"/>
      <c r="H88" s="220"/>
      <c r="I88" s="220"/>
    </row>
    <row r="89" spans="1:9">
      <c r="A89" s="234" t="s">
        <v>45</v>
      </c>
      <c r="B89" s="219"/>
      <c r="C89" s="220"/>
      <c r="D89" s="220"/>
      <c r="E89" s="220"/>
      <c r="F89" s="220"/>
      <c r="G89" s="220"/>
      <c r="H89" s="220"/>
      <c r="I89" s="220"/>
    </row>
    <row r="90" spans="1:9">
      <c r="A90" s="22"/>
      <c r="B90" s="219"/>
      <c r="C90" s="220"/>
      <c r="D90" s="220"/>
      <c r="E90" s="220"/>
      <c r="F90" s="220"/>
      <c r="G90" s="220"/>
      <c r="H90" s="220"/>
      <c r="I90" s="220"/>
    </row>
    <row r="91" spans="1:9">
      <c r="A91" s="25">
        <v>6</v>
      </c>
      <c r="B91" s="233" t="s">
        <v>12</v>
      </c>
      <c r="C91" s="220"/>
      <c r="D91" s="220"/>
      <c r="E91" s="220"/>
      <c r="F91" s="220"/>
      <c r="G91" s="220"/>
      <c r="H91" s="220"/>
      <c r="I91" s="220"/>
    </row>
    <row r="92" spans="1:9">
      <c r="A92" s="22"/>
      <c r="B92" s="309" t="s">
        <v>24</v>
      </c>
      <c r="C92" s="310"/>
      <c r="D92" s="310"/>
      <c r="E92" s="220"/>
      <c r="F92" s="220"/>
      <c r="G92" s="220"/>
      <c r="H92" s="220"/>
      <c r="I92" s="220"/>
    </row>
    <row r="93" spans="1:9">
      <c r="A93" s="22"/>
      <c r="B93" s="309"/>
      <c r="C93" s="310"/>
      <c r="D93" s="310"/>
      <c r="E93" s="220"/>
      <c r="F93" s="220"/>
      <c r="G93" s="220"/>
      <c r="H93" s="220"/>
      <c r="I93" s="220"/>
    </row>
    <row r="94" spans="1:9">
      <c r="A94" s="22">
        <v>6</v>
      </c>
      <c r="B94" s="30" t="s">
        <v>46</v>
      </c>
      <c r="C94" s="220"/>
      <c r="D94" s="220"/>
      <c r="E94" s="220"/>
      <c r="F94" s="220"/>
      <c r="G94" s="220"/>
      <c r="H94" s="220"/>
      <c r="I94" s="220"/>
    </row>
    <row r="95" spans="1:9">
      <c r="A95" s="22"/>
      <c r="B95" s="219" t="s">
        <v>73</v>
      </c>
      <c r="C95" s="220"/>
      <c r="D95" s="220"/>
      <c r="E95" s="220"/>
      <c r="F95" s="220"/>
      <c r="G95" s="220"/>
      <c r="H95" s="220"/>
      <c r="I95" s="220"/>
    </row>
    <row r="96" spans="1:9">
      <c r="A96" s="22"/>
      <c r="B96" s="220"/>
      <c r="C96" s="220"/>
      <c r="D96" s="220"/>
      <c r="E96" s="220"/>
      <c r="F96" s="220"/>
      <c r="G96" s="220"/>
      <c r="H96" s="220"/>
      <c r="I96" s="220"/>
    </row>
    <row r="97" spans="1:9">
      <c r="A97" s="25">
        <v>6</v>
      </c>
      <c r="B97" s="30" t="s">
        <v>264</v>
      </c>
      <c r="C97" s="220"/>
      <c r="D97" s="220"/>
      <c r="E97" s="220"/>
      <c r="F97" s="220"/>
      <c r="G97" s="220"/>
      <c r="H97" s="220"/>
      <c r="I97" s="220"/>
    </row>
    <row r="98" spans="1:9">
      <c r="A98" s="22"/>
      <c r="B98" s="309" t="s">
        <v>25</v>
      </c>
      <c r="C98" s="310"/>
      <c r="D98" s="310"/>
      <c r="E98" s="220"/>
      <c r="F98" s="220"/>
      <c r="G98" s="220"/>
      <c r="H98" s="220"/>
      <c r="I98" s="220"/>
    </row>
    <row r="99" spans="1:9">
      <c r="A99" s="22"/>
      <c r="B99" s="309"/>
      <c r="C99" s="310"/>
      <c r="D99" s="310"/>
      <c r="E99" s="220"/>
      <c r="F99" s="220"/>
      <c r="G99" s="220"/>
      <c r="H99" s="220"/>
      <c r="I99" s="220"/>
    </row>
    <row r="100" spans="1:9">
      <c r="A100" s="22">
        <v>6</v>
      </c>
      <c r="B100" s="30" t="s">
        <v>47</v>
      </c>
      <c r="C100" s="220"/>
      <c r="D100" s="220"/>
      <c r="E100" s="220"/>
      <c r="F100" s="220"/>
      <c r="G100" s="220"/>
      <c r="H100" s="220"/>
      <c r="I100" s="220"/>
    </row>
    <row r="101" spans="1:9">
      <c r="A101" s="22"/>
      <c r="B101" s="219" t="s">
        <v>74</v>
      </c>
      <c r="C101" s="220"/>
      <c r="D101" s="220"/>
      <c r="E101" s="220"/>
      <c r="F101" s="220"/>
      <c r="G101" s="220"/>
      <c r="H101" s="220"/>
      <c r="I101" s="220"/>
    </row>
    <row r="102" spans="1:9">
      <c r="A102" s="22"/>
      <c r="B102" s="219"/>
      <c r="C102" s="220"/>
      <c r="D102" s="220"/>
      <c r="E102" s="220"/>
      <c r="F102" s="220"/>
      <c r="G102" s="220"/>
      <c r="H102" s="220"/>
      <c r="I102" s="220"/>
    </row>
    <row r="103" spans="1:9">
      <c r="A103" s="22">
        <v>6</v>
      </c>
      <c r="B103" s="30" t="s">
        <v>266</v>
      </c>
      <c r="C103" s="281"/>
      <c r="D103" s="281"/>
      <c r="E103" s="281"/>
      <c r="F103" s="281"/>
      <c r="G103" s="281"/>
      <c r="H103" s="281"/>
      <c r="I103" s="281"/>
    </row>
    <row r="104" spans="1:9">
      <c r="A104" s="22"/>
      <c r="B104" s="280" t="s">
        <v>74</v>
      </c>
      <c r="C104" s="281"/>
      <c r="D104" s="281"/>
      <c r="E104" s="281"/>
      <c r="F104" s="281"/>
      <c r="G104" s="281"/>
      <c r="H104" s="281"/>
      <c r="I104" s="281"/>
    </row>
    <row r="105" spans="1:9">
      <c r="A105" s="22"/>
      <c r="B105" s="280"/>
      <c r="C105" s="281"/>
      <c r="D105" s="281"/>
      <c r="E105" s="281"/>
      <c r="F105" s="281"/>
      <c r="G105" s="281"/>
      <c r="H105" s="281"/>
      <c r="I105" s="281"/>
    </row>
    <row r="106" spans="1:9">
      <c r="A106" s="22">
        <v>6</v>
      </c>
      <c r="B106" s="26" t="s">
        <v>30</v>
      </c>
      <c r="C106" s="220"/>
      <c r="D106" s="220"/>
      <c r="E106" s="220"/>
      <c r="F106" s="220"/>
      <c r="G106" s="220"/>
      <c r="H106" s="220"/>
      <c r="I106" s="220"/>
    </row>
    <row r="107" spans="1:9">
      <c r="A107" s="25"/>
      <c r="B107" s="220" t="s">
        <v>75</v>
      </c>
      <c r="C107" s="220"/>
      <c r="D107" s="220"/>
      <c r="E107" s="220"/>
      <c r="F107" s="220"/>
      <c r="G107" s="220"/>
      <c r="H107" s="220"/>
      <c r="I107" s="220"/>
    </row>
    <row r="108" spans="1:9">
      <c r="A108" s="22"/>
      <c r="B108" s="309"/>
      <c r="C108" s="310"/>
      <c r="D108" s="310"/>
      <c r="E108" s="220"/>
      <c r="F108" s="220"/>
      <c r="G108" s="220"/>
      <c r="H108" s="220"/>
      <c r="I108" s="220"/>
    </row>
    <row r="109" spans="1:9">
      <c r="A109" s="22">
        <v>6</v>
      </c>
      <c r="B109" s="30" t="s">
        <v>13</v>
      </c>
      <c r="C109" s="220"/>
      <c r="D109" s="220"/>
      <c r="E109" s="220"/>
      <c r="F109" s="220"/>
      <c r="G109" s="220"/>
      <c r="H109" s="220"/>
      <c r="I109" s="220"/>
    </row>
    <row r="110" spans="1:9">
      <c r="A110" s="31"/>
      <c r="B110" s="309" t="s">
        <v>14</v>
      </c>
      <c r="C110" s="310"/>
      <c r="D110" s="310"/>
      <c r="E110" s="220"/>
      <c r="F110" s="220"/>
      <c r="G110" s="220"/>
      <c r="H110" s="220"/>
      <c r="I110" s="220"/>
    </row>
    <row r="111" spans="1:9">
      <c r="A111" s="31"/>
      <c r="B111" s="219"/>
      <c r="C111" s="220"/>
      <c r="D111" s="220"/>
      <c r="E111" s="220"/>
      <c r="F111" s="220"/>
      <c r="G111" s="220"/>
      <c r="H111" s="220"/>
      <c r="I111" s="220"/>
    </row>
    <row r="112" spans="1:9">
      <c r="A112" s="234" t="s">
        <v>48</v>
      </c>
      <c r="B112" s="34"/>
      <c r="C112" s="35"/>
      <c r="D112" s="35"/>
      <c r="E112" s="220"/>
      <c r="F112" s="220"/>
      <c r="G112" s="220"/>
      <c r="H112" s="220"/>
      <c r="I112" s="220"/>
    </row>
    <row r="113" spans="1:9">
      <c r="A113" s="31"/>
      <c r="B113" s="30"/>
      <c r="C113" s="220"/>
      <c r="D113" s="220"/>
      <c r="E113" s="220"/>
      <c r="F113" s="220"/>
      <c r="G113" s="220"/>
      <c r="H113" s="220"/>
      <c r="I113" s="220"/>
    </row>
    <row r="114" spans="1:9">
      <c r="A114" s="25">
        <v>7</v>
      </c>
      <c r="B114" s="233" t="s">
        <v>272</v>
      </c>
      <c r="C114" s="220"/>
      <c r="D114" s="220"/>
      <c r="E114" s="220"/>
      <c r="F114" s="220"/>
      <c r="G114" s="220"/>
      <c r="H114" s="220"/>
      <c r="I114" s="220"/>
    </row>
    <row r="115" spans="1:9">
      <c r="A115" s="31"/>
      <c r="B115" s="309" t="s">
        <v>419</v>
      </c>
      <c r="C115" s="310"/>
      <c r="D115" s="310"/>
      <c r="E115" s="220"/>
      <c r="F115" s="220"/>
      <c r="G115" s="220"/>
      <c r="H115" s="220"/>
      <c r="I115" s="220"/>
    </row>
    <row r="116" spans="1:9">
      <c r="A116" s="31"/>
      <c r="B116" s="309"/>
      <c r="C116" s="310"/>
      <c r="D116" s="310"/>
      <c r="E116" s="220"/>
      <c r="F116" s="220"/>
      <c r="G116" s="220"/>
      <c r="H116" s="220"/>
      <c r="I116" s="220"/>
    </row>
    <row r="117" spans="1:9">
      <c r="A117" s="25">
        <v>7</v>
      </c>
      <c r="B117" s="30" t="s">
        <v>49</v>
      </c>
      <c r="C117" s="220"/>
      <c r="D117" s="220"/>
      <c r="E117" s="220"/>
      <c r="F117" s="220"/>
      <c r="G117" s="220"/>
      <c r="H117" s="220"/>
      <c r="I117" s="220"/>
    </row>
    <row r="118" spans="1:9">
      <c r="A118" s="31"/>
      <c r="B118" s="219" t="s">
        <v>76</v>
      </c>
      <c r="C118" s="220"/>
      <c r="D118" s="220"/>
      <c r="E118" s="220"/>
      <c r="F118" s="220"/>
      <c r="G118" s="220"/>
      <c r="H118" s="220"/>
      <c r="I118" s="220"/>
    </row>
    <row r="119" spans="1:9">
      <c r="A119" s="31"/>
      <c r="B119" s="219"/>
      <c r="C119" s="220"/>
      <c r="D119" s="220"/>
      <c r="E119" s="220"/>
      <c r="F119" s="220"/>
      <c r="G119" s="220"/>
      <c r="H119" s="220"/>
      <c r="I119" s="220"/>
    </row>
    <row r="120" spans="1:9">
      <c r="A120" s="25">
        <v>7</v>
      </c>
      <c r="B120" s="30" t="s">
        <v>50</v>
      </c>
      <c r="C120" s="220"/>
      <c r="D120" s="220"/>
      <c r="E120" s="220"/>
      <c r="F120" s="220"/>
      <c r="G120" s="220"/>
      <c r="H120" s="220"/>
      <c r="I120" s="220"/>
    </row>
    <row r="121" spans="1:9">
      <c r="A121" s="31"/>
      <c r="B121" s="219" t="s">
        <v>77</v>
      </c>
      <c r="C121" s="220"/>
      <c r="D121" s="220"/>
      <c r="E121" s="220"/>
      <c r="F121" s="220"/>
      <c r="G121" s="220"/>
      <c r="H121" s="220"/>
      <c r="I121" s="220"/>
    </row>
    <row r="122" spans="1:9">
      <c r="A122" s="25"/>
      <c r="B122" s="219"/>
      <c r="C122" s="220"/>
      <c r="D122" s="220"/>
      <c r="E122" s="220"/>
      <c r="F122" s="220"/>
      <c r="G122" s="220"/>
      <c r="H122" s="220"/>
      <c r="I122" s="220"/>
    </row>
    <row r="123" spans="1:9">
      <c r="A123" s="25">
        <v>7</v>
      </c>
      <c r="B123" s="30" t="s">
        <v>275</v>
      </c>
      <c r="C123" s="220"/>
      <c r="D123" s="220"/>
      <c r="E123" s="220"/>
      <c r="F123" s="220"/>
      <c r="G123" s="220"/>
      <c r="H123" s="220"/>
      <c r="I123" s="220"/>
    </row>
    <row r="124" spans="1:9">
      <c r="A124" s="25"/>
      <c r="B124" s="280" t="s">
        <v>420</v>
      </c>
      <c r="C124" s="220"/>
      <c r="D124" s="220"/>
      <c r="E124" s="220"/>
      <c r="F124" s="220"/>
      <c r="G124" s="220"/>
      <c r="H124" s="220"/>
      <c r="I124" s="220"/>
    </row>
    <row r="125" spans="1:9">
      <c r="A125" s="25"/>
      <c r="B125" s="219"/>
      <c r="C125" s="220"/>
      <c r="D125" s="220"/>
      <c r="E125" s="220"/>
      <c r="F125" s="220"/>
      <c r="G125" s="220"/>
      <c r="H125" s="220"/>
      <c r="I125" s="220"/>
    </row>
    <row r="126" spans="1:9">
      <c r="A126" s="25">
        <v>7</v>
      </c>
      <c r="B126" s="30" t="s">
        <v>15</v>
      </c>
      <c r="C126" s="220"/>
      <c r="D126" s="220"/>
      <c r="E126" s="220"/>
      <c r="F126" s="220"/>
      <c r="G126" s="220"/>
      <c r="H126" s="220"/>
      <c r="I126" s="220"/>
    </row>
    <row r="127" spans="1:9">
      <c r="A127" s="31"/>
      <c r="B127" s="309" t="s">
        <v>26</v>
      </c>
      <c r="C127" s="310"/>
      <c r="D127" s="310"/>
      <c r="E127" s="220"/>
      <c r="F127" s="220"/>
      <c r="G127" s="220"/>
      <c r="H127" s="220"/>
      <c r="I127" s="220"/>
    </row>
    <row r="128" spans="1:9">
      <c r="A128" s="25"/>
      <c r="B128" s="219"/>
      <c r="C128" s="220"/>
      <c r="D128" s="220"/>
      <c r="E128" s="220"/>
      <c r="F128" s="220"/>
      <c r="G128" s="220"/>
      <c r="H128" s="220"/>
      <c r="I128" s="220"/>
    </row>
    <row r="129" spans="1:9">
      <c r="A129" s="25">
        <v>7</v>
      </c>
      <c r="B129" s="30" t="s">
        <v>78</v>
      </c>
      <c r="C129" s="220"/>
      <c r="D129" s="220"/>
      <c r="E129" s="220"/>
      <c r="F129" s="220"/>
      <c r="G129" s="220"/>
      <c r="H129" s="220"/>
      <c r="I129" s="220"/>
    </row>
    <row r="130" spans="1:9">
      <c r="A130" s="31"/>
      <c r="B130" s="219" t="s">
        <v>79</v>
      </c>
      <c r="C130" s="220"/>
      <c r="D130" s="220"/>
      <c r="E130" s="220"/>
      <c r="F130" s="220"/>
      <c r="G130" s="220"/>
      <c r="H130" s="220"/>
      <c r="I130" s="220"/>
    </row>
    <row r="131" spans="1:9">
      <c r="A131" s="31"/>
      <c r="B131" s="219"/>
      <c r="C131" s="220"/>
      <c r="D131" s="220"/>
      <c r="E131" s="220"/>
      <c r="F131" s="220"/>
      <c r="G131" s="220"/>
      <c r="H131" s="220"/>
      <c r="I131" s="220"/>
    </row>
    <row r="132" spans="1:9">
      <c r="A132" s="25">
        <v>7</v>
      </c>
      <c r="B132" s="264" t="s">
        <v>51</v>
      </c>
      <c r="C132" s="25"/>
      <c r="D132" s="25"/>
      <c r="E132" s="220"/>
      <c r="F132" s="220"/>
      <c r="G132" s="220"/>
      <c r="H132" s="220"/>
      <c r="I132" s="220"/>
    </row>
    <row r="133" spans="1:9">
      <c r="A133" s="25"/>
      <c r="B133" s="25" t="s">
        <v>27</v>
      </c>
      <c r="C133" s="25"/>
      <c r="D133" s="25"/>
      <c r="E133" s="220"/>
      <c r="F133" s="220"/>
      <c r="G133" s="220"/>
      <c r="H133" s="220"/>
      <c r="I133" s="220"/>
    </row>
    <row r="134" spans="1:9">
      <c r="A134" s="25"/>
      <c r="B134" s="25"/>
      <c r="C134" s="25"/>
      <c r="D134" s="25"/>
      <c r="E134" s="220"/>
      <c r="F134" s="220"/>
      <c r="G134" s="220"/>
      <c r="H134" s="220"/>
      <c r="I134" s="220"/>
    </row>
    <row r="135" spans="1:9">
      <c r="A135" s="25">
        <v>7</v>
      </c>
      <c r="B135" s="264" t="s">
        <v>52</v>
      </c>
      <c r="C135" s="25"/>
      <c r="D135" s="25"/>
      <c r="E135" s="220"/>
      <c r="F135" s="220"/>
      <c r="G135" s="220"/>
      <c r="H135" s="220"/>
      <c r="I135" s="220"/>
    </row>
    <row r="136" spans="1:9">
      <c r="A136" s="25"/>
      <c r="B136" s="25" t="s">
        <v>80</v>
      </c>
      <c r="C136" s="25"/>
      <c r="D136" s="25"/>
      <c r="E136" s="220"/>
      <c r="F136" s="220"/>
      <c r="G136" s="220"/>
      <c r="H136" s="220"/>
      <c r="I136" s="220"/>
    </row>
    <row r="137" spans="1:9">
      <c r="A137" s="31"/>
      <c r="B137" s="219"/>
      <c r="C137" s="220"/>
      <c r="D137" s="220"/>
      <c r="E137" s="220"/>
      <c r="F137" s="220"/>
      <c r="G137" s="220"/>
      <c r="H137" s="220"/>
      <c r="I137" s="220"/>
    </row>
    <row r="138" spans="1:9">
      <c r="A138" s="25">
        <v>7</v>
      </c>
      <c r="B138" s="264" t="s">
        <v>16</v>
      </c>
      <c r="C138" s="220"/>
      <c r="D138" s="220"/>
      <c r="E138" s="220"/>
      <c r="F138" s="220"/>
      <c r="G138" s="220"/>
      <c r="H138" s="220"/>
      <c r="I138" s="220"/>
    </row>
    <row r="139" spans="1:9">
      <c r="A139" s="31"/>
      <c r="B139" s="309" t="s">
        <v>28</v>
      </c>
      <c r="C139" s="310"/>
      <c r="D139" s="310"/>
      <c r="E139" s="220"/>
      <c r="F139" s="220"/>
      <c r="G139" s="220"/>
      <c r="H139" s="220"/>
      <c r="I139" s="220"/>
    </row>
    <row r="140" spans="1:9">
      <c r="A140" s="31"/>
      <c r="B140" s="219"/>
      <c r="C140" s="220"/>
      <c r="D140" s="220"/>
      <c r="E140" s="220"/>
      <c r="F140" s="220"/>
      <c r="G140" s="220"/>
      <c r="H140" s="220"/>
      <c r="I140" s="220"/>
    </row>
    <row r="141" spans="1:9">
      <c r="A141" s="25">
        <v>7</v>
      </c>
      <c r="B141" s="30" t="s">
        <v>53</v>
      </c>
      <c r="C141" s="220"/>
      <c r="D141" s="220"/>
      <c r="E141" s="220"/>
      <c r="F141" s="220"/>
      <c r="G141" s="220"/>
      <c r="H141" s="220"/>
      <c r="I141" s="220"/>
    </row>
    <row r="142" spans="1:9">
      <c r="A142" s="31"/>
      <c r="B142" s="25" t="s">
        <v>81</v>
      </c>
      <c r="C142" s="220"/>
      <c r="D142" s="220"/>
      <c r="E142" s="220"/>
      <c r="F142" s="220"/>
      <c r="G142" s="220"/>
      <c r="H142" s="220"/>
      <c r="I142" s="220"/>
    </row>
    <row r="143" spans="1:9">
      <c r="A143" s="31"/>
      <c r="B143" s="219"/>
      <c r="C143" s="220"/>
      <c r="D143" s="220"/>
      <c r="E143" s="220"/>
      <c r="F143" s="220"/>
      <c r="G143" s="220"/>
      <c r="H143" s="220"/>
      <c r="I143" s="220"/>
    </row>
    <row r="144" spans="1:9">
      <c r="A144" s="234" t="s">
        <v>54</v>
      </c>
      <c r="B144" s="34"/>
      <c r="C144" s="34"/>
      <c r="D144" s="34"/>
      <c r="E144" s="220"/>
      <c r="F144" s="220"/>
      <c r="G144" s="220"/>
      <c r="H144" s="220"/>
      <c r="I144" s="220"/>
    </row>
    <row r="145" spans="1:9">
      <c r="A145" s="31"/>
      <c r="B145" s="30"/>
      <c r="C145" s="220"/>
      <c r="D145" s="220"/>
      <c r="E145" s="220"/>
      <c r="F145" s="220"/>
      <c r="G145" s="220"/>
      <c r="H145" s="220"/>
      <c r="I145" s="220"/>
    </row>
    <row r="146" spans="1:9">
      <c r="A146" s="25">
        <v>8</v>
      </c>
      <c r="B146" s="233" t="s">
        <v>17</v>
      </c>
      <c r="C146" s="220"/>
      <c r="D146" s="220"/>
      <c r="E146" s="220"/>
      <c r="F146" s="220"/>
      <c r="G146" s="220"/>
      <c r="H146" s="220"/>
      <c r="I146" s="220"/>
    </row>
    <row r="147" spans="1:9">
      <c r="A147" s="31"/>
      <c r="B147" s="309" t="s">
        <v>29</v>
      </c>
      <c r="C147" s="310"/>
      <c r="D147" s="310"/>
      <c r="E147" s="220"/>
      <c r="F147" s="220"/>
      <c r="G147" s="220"/>
      <c r="H147" s="220"/>
      <c r="I147" s="220"/>
    </row>
    <row r="148" spans="1:9">
      <c r="A148" s="31"/>
      <c r="B148" s="309"/>
      <c r="C148" s="310"/>
      <c r="D148" s="310"/>
      <c r="E148" s="220"/>
      <c r="F148" s="220"/>
      <c r="G148" s="220"/>
      <c r="H148" s="220"/>
      <c r="I148" s="220"/>
    </row>
    <row r="149" spans="1:9">
      <c r="A149" s="22">
        <v>8</v>
      </c>
      <c r="B149" s="26" t="s">
        <v>55</v>
      </c>
      <c r="C149" s="220"/>
      <c r="D149" s="220"/>
      <c r="E149" s="220"/>
      <c r="F149" s="220"/>
      <c r="G149" s="220"/>
      <c r="H149" s="220"/>
      <c r="I149" s="220"/>
    </row>
    <row r="150" spans="1:9">
      <c r="A150" s="22"/>
      <c r="B150" s="25" t="s">
        <v>177</v>
      </c>
      <c r="C150" s="220"/>
      <c r="D150" s="220"/>
      <c r="E150" s="220"/>
      <c r="F150" s="220"/>
      <c r="G150" s="220"/>
      <c r="H150" s="220"/>
      <c r="I150" s="220"/>
    </row>
    <row r="151" spans="1:9">
      <c r="A151" s="22"/>
      <c r="B151" s="220"/>
      <c r="C151" s="220"/>
      <c r="D151" s="220"/>
      <c r="E151" s="220"/>
      <c r="F151" s="220"/>
      <c r="G151" s="220"/>
      <c r="H151" s="220"/>
      <c r="I151" s="220"/>
    </row>
    <row r="152" spans="1:9">
      <c r="A152" s="22"/>
      <c r="B152" s="220"/>
      <c r="C152" s="220"/>
      <c r="D152" s="220"/>
      <c r="E152" s="220"/>
      <c r="F152" s="220"/>
      <c r="G152" s="220"/>
      <c r="H152" s="220"/>
      <c r="I152" s="220"/>
    </row>
  </sheetData>
  <mergeCells count="30">
    <mergeCell ref="B148:D148"/>
    <mergeCell ref="B116:D116"/>
    <mergeCell ref="B110:D110"/>
    <mergeCell ref="B115:D115"/>
    <mergeCell ref="B139:D139"/>
    <mergeCell ref="B147:D147"/>
    <mergeCell ref="B127:D127"/>
    <mergeCell ref="A1:D1"/>
    <mergeCell ref="B8:F8"/>
    <mergeCell ref="B52:D52"/>
    <mergeCell ref="B53:D53"/>
    <mergeCell ref="B35:E35"/>
    <mergeCell ref="B11:D11"/>
    <mergeCell ref="B22:G22"/>
    <mergeCell ref="A30:C30"/>
    <mergeCell ref="B44:C44"/>
    <mergeCell ref="B63:C63"/>
    <mergeCell ref="B98:D98"/>
    <mergeCell ref="B99:D99"/>
    <mergeCell ref="B78:D78"/>
    <mergeCell ref="B64:E64"/>
    <mergeCell ref="B108:D108"/>
    <mergeCell ref="B73:D73"/>
    <mergeCell ref="B85:D85"/>
    <mergeCell ref="B67:E67"/>
    <mergeCell ref="B93:D93"/>
    <mergeCell ref="B84:D84"/>
    <mergeCell ref="B92:D92"/>
    <mergeCell ref="B68:E68"/>
    <mergeCell ref="B87:D87"/>
  </mergeCells>
  <hyperlinks>
    <hyperlink ref="A34:B34" location="'02'!A29" display="'02'!A29" xr:uid="{00000000-0004-0000-0300-000000000000}"/>
    <hyperlink ref="A43:B43" location="'02'!A42" display="'02'!A42" xr:uid="{00000000-0004-0000-0300-000001000000}"/>
    <hyperlink ref="A66:B66" location="'02'!A55" display="'02'!A55" xr:uid="{00000000-0004-0000-0300-000002000000}"/>
    <hyperlink ref="A72:B72" location="'02'!A68" display="'02'!A68" xr:uid="{00000000-0004-0000-0300-000003000000}"/>
    <hyperlink ref="B7" location="'1 IndividualWellbeing'!A3" display="Global Life Satisfaction" xr:uid="{00000000-0004-0000-0300-000005000000}"/>
    <hyperlink ref="B51" location="'4 HumanCapital'!A3" display="General health" xr:uid="{00000000-0004-0000-0300-000006000000}"/>
    <hyperlink ref="B62" location="'4 HumanCapital'!A90" display="K6 psychological distress" xr:uid="{00000000-0004-0000-0300-000007000000}"/>
    <hyperlink ref="B34" location="'3 FinancialCapital'!A3" display="Household financial wellbeing" xr:uid="{00000000-0004-0000-0300-000008000000}"/>
    <hyperlink ref="B43" location="'3 FinancialCapital'!A90" display="Community economic wellbeing" xr:uid="{00000000-0004-0000-0300-000009000000}"/>
    <hyperlink ref="B66" location="'4 HumanCapital'!A119" display="Self-efficacy" xr:uid="{00000000-0004-0000-0300-00000A000000}"/>
    <hyperlink ref="B72" location="'4 HumanCapital'!A177" display="Community leadership and collaboration" xr:uid="{00000000-0004-0000-0300-00000B000000}"/>
    <hyperlink ref="A77:B77" location="'02'!A68" display="'02'!A68" xr:uid="{00000000-0004-0000-0300-00000C000000}"/>
    <hyperlink ref="B77" location="'5 InstitutionalCapital'!A3" display="Having a say and being heard" xr:uid="{00000000-0004-0000-0300-00000D000000}"/>
    <hyperlink ref="A83:B83" location="'02'!A68" display="'02'!A68" xr:uid="{00000000-0004-0000-0300-00000E000000}"/>
    <hyperlink ref="B83" location="'5 InstitutionalCapital'!A61" display="Contributing to local governance" xr:uid="{00000000-0004-0000-0300-00000F000000}"/>
    <hyperlink ref="A91:B91" location="'02'!A68" display="'02'!A68" xr:uid="{00000000-0004-0000-0300-000010000000}"/>
    <hyperlink ref="B91" location="'6 SocialCapital'!A3" display="Spending time with friends and family" xr:uid="{00000000-0004-0000-0300-000011000000}"/>
    <hyperlink ref="A97:B97" location="'02'!A68" display="'02'!A68" xr:uid="{00000000-0004-0000-0300-000012000000}"/>
    <hyperlink ref="B97" location="'6 SocialCapital'!A61" display="Getting involved in the community" xr:uid="{00000000-0004-0000-0300-000013000000}"/>
    <hyperlink ref="B109" location="'6 SocialCapital'!A177" display="Sense of belonging" xr:uid="{00000000-0004-0000-0300-000014000000}"/>
    <hyperlink ref="A114:B114" location="'02'!A68" display="'02'!A68" xr:uid="{00000000-0004-0000-0300-000015000000}"/>
    <hyperlink ref="B114" location="'7 PhysicalCapital'!A3" display="Access to health, education, aged care and child care " xr:uid="{00000000-0004-0000-0300-000016000000}"/>
    <hyperlink ref="B126" location="'7 PhysicalCapital'!A119" display="Access to telecommunications" xr:uid="{00000000-0004-0000-0300-000017000000}"/>
    <hyperlink ref="B132" location="'7 PhysicalCapital'!A177" display="Crime and safety in the local community" xr:uid="{00000000-0004-0000-0300-000018000000}"/>
    <hyperlink ref="B138" location="'7 PhysicalCapital'!A235" display="Landscape and aesthetics" xr:uid="{00000000-0004-0000-0300-000019000000}"/>
    <hyperlink ref="B146" location="'8 NaturalCapital'!A3" display="Perceived environmental health" xr:uid="{00000000-0004-0000-0300-00001A000000}"/>
    <hyperlink ref="B10" location="'1 IndividualWellbeing'!A32" display="Personal Wellbeing Index" xr:uid="{00000000-0004-0000-0300-00001B000000}"/>
    <hyperlink ref="B21" location="'2 CommunityWellbeing'!A3" display="Community wellbeing measures" xr:uid="{00000000-0004-0000-0300-00001C000000}"/>
    <hyperlink ref="B13" location="'1 IndividualWellbeing'!A61" display="Personal wellbeing domains" xr:uid="{00000000-0004-0000-0300-00001D000000}"/>
    <hyperlink ref="B16" location="'1 IndividualWellbeing'!A90" display="Eudaimonic wellbeing" xr:uid="{00000000-0004-0000-0300-00001E000000}"/>
    <hyperlink ref="B24" location="'2 CommunityWellbeing'!A32" display="Changes in community liveability" xr:uid="{00000000-0004-0000-0300-00001F000000}"/>
    <hyperlink ref="B27" location="'2 CommunityWellbeing'!A61" display="Migration" xr:uid="{00000000-0004-0000-0300-000020000000}"/>
    <hyperlink ref="A5" location="'1 IndividualWellbeing'!A1" display="Wellbeing of people" xr:uid="{00000000-0004-0000-0300-000021000000}"/>
    <hyperlink ref="A19" location="'2 CommunityWellbeing'!A1" display="Wellbeing of communities" xr:uid="{00000000-0004-0000-0300-000022000000}"/>
    <hyperlink ref="A32" location="'3 FinancialCapital'!A1" display="Financial capital" xr:uid="{00000000-0004-0000-0300-000023000000}"/>
    <hyperlink ref="A49" location="'4 HumanCapital'!A1" display="Human capital" xr:uid="{00000000-0004-0000-0300-000024000000}"/>
    <hyperlink ref="B37" location="'3 FinancialCapital'!A32" display="Household financial measures" xr:uid="{00000000-0004-0000-0300-000025000000}"/>
    <hyperlink ref="B40" location="'3 FinancialCapital'!A61" display="Financial distress" xr:uid="{00000000-0004-0000-0300-000026000000}"/>
    <hyperlink ref="B46" location="'3 FinancialCapital'!A119" display="Community economic measures" xr:uid="{00000000-0004-0000-0300-000027000000}"/>
    <hyperlink ref="B69" location="'4 HumanCapital'!A148" display="Self-efficacy measures" xr:uid="{00000000-0004-0000-0300-000028000000}"/>
    <hyperlink ref="A75" location="'5 InstitutionalCapital'!A1" display="Institutional Capital" xr:uid="{00000000-0004-0000-0300-00002A000000}"/>
    <hyperlink ref="B80" location="'5 InstitutionalCapital'!A32" display="Having a say and being heard measures" xr:uid="{00000000-0004-0000-0300-00002B000000}"/>
    <hyperlink ref="A89" location="'6 SocialCapital'!A1" display="Social capital" xr:uid="{00000000-0004-0000-0300-00002D000000}"/>
    <hyperlink ref="B94" location="'6 SocialCapital'!A32" display="Spending time with friends and family measures" xr:uid="{00000000-0004-0000-0300-00002E000000}"/>
    <hyperlink ref="B100" location="'6 SocialCapital'!A90" display="Getting involved measures" xr:uid="{00000000-0004-0000-0300-00002F000000}"/>
    <hyperlink ref="B106" location="'6 SocialCapital'!A148" display="Volunteering" xr:uid="{00000000-0004-0000-0300-000030000000}"/>
    <hyperlink ref="A112" location="'7 PhysicalCapital'!A1" display="Physical capital" xr:uid="{00000000-0004-0000-0300-000032000000}"/>
    <hyperlink ref="B117" location="'7 PhysicalCapital'!A32" display="Access to roads and public transport " xr:uid="{00000000-0004-0000-0300-000034000000}"/>
    <hyperlink ref="B120" location="'7 PhysicalCapital'!A61" display="Access to food and retail shops" xr:uid="{00000000-0004-0000-0300-000036000000}"/>
    <hyperlink ref="B123" location="'7 PhysicalCapital'!A90" display="Access to local government services" xr:uid="{00000000-0004-0000-0300-000037000000}"/>
    <hyperlink ref="B129" location="'7 PhysicalCapital'!A148" display="Access to telecommunications measures" xr:uid="{00000000-0004-0000-0300-00003A000000}"/>
    <hyperlink ref="B135" location="'7 PhysicalCapital'!A206" display="Crime and safety in the local community measures" xr:uid="{00000000-0004-0000-0300-00003B000000}"/>
    <hyperlink ref="B141" location="'7 PhysicalCapital'!A264" display="Landscape and aesthetics measures" xr:uid="{00000000-0004-0000-0300-00003C000000}"/>
    <hyperlink ref="A144" location="'8 NaturalCapital'!A1" display="Natural capital" xr:uid="{00000000-0004-0000-0300-00003D000000}"/>
    <hyperlink ref="B149" location="'8 NaturalCapital'!A32" display="Perceived environmental health measures" xr:uid="{00000000-0004-0000-0300-00003E000000}"/>
    <hyperlink ref="B55" location="'4 HumanCapital'!A32" display="Wellbeing - Emotional Affect Index  " xr:uid="{0A2BC5AA-49A5-471A-B57E-08158437E4BE}"/>
    <hyperlink ref="B59" location="'4 HumanCapital'!A61" display="Wellbeing - Emotional Affect individual measures" xr:uid="{117F2F2D-1F22-4748-A68F-D44B59701561}"/>
    <hyperlink ref="B86" location="'5 InstitutionalCapital'!A90" display="Equity and inclusion" xr:uid="{2B553CC1-7F91-4CC8-AD15-4FA43EFFA364}"/>
    <hyperlink ref="B103" location="'6 SocialCapital'!A119" display="Quality of community events" xr:uid="{DB1F4B2B-B0C4-4C2E-9067-83CA6D2D488B}"/>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146"/>
  <sheetViews>
    <sheetView zoomScaleNormal="100" zoomScalePageLayoutView="75" workbookViewId="0">
      <selection activeCell="A135" sqref="A135:A140"/>
    </sheetView>
  </sheetViews>
  <sheetFormatPr defaultColWidth="20.28515625" defaultRowHeight="15"/>
  <cols>
    <col min="1" max="1" width="48.7109375" style="1" customWidth="1"/>
    <col min="2" max="4" width="20.28515625" style="1" customWidth="1"/>
    <col min="5" max="6" width="20.28515625" style="5" customWidth="1"/>
    <col min="7" max="16384" width="20.28515625" style="1"/>
  </cols>
  <sheetData>
    <row r="1" spans="1:8" ht="31.5">
      <c r="A1" s="33" t="s">
        <v>63</v>
      </c>
    </row>
    <row r="3" spans="1:8" ht="18.75">
      <c r="A3" s="317" t="s">
        <v>82</v>
      </c>
      <c r="B3" s="317"/>
      <c r="C3" s="317"/>
      <c r="D3" s="317"/>
      <c r="E3" s="317"/>
      <c r="F3" s="317"/>
      <c r="G3" s="317"/>
      <c r="H3" s="317"/>
    </row>
    <row r="4" spans="1:8" ht="63" customHeight="1">
      <c r="A4" s="316" t="s">
        <v>83</v>
      </c>
      <c r="B4" s="316"/>
      <c r="C4" s="316"/>
      <c r="D4" s="316"/>
      <c r="E4" s="316"/>
      <c r="F4" s="316"/>
      <c r="G4" s="316"/>
      <c r="H4" s="316"/>
    </row>
    <row r="5" spans="1:8" ht="40.5" customHeight="1">
      <c r="A5" s="323" t="s">
        <v>84</v>
      </c>
      <c r="B5" s="324"/>
      <c r="C5" s="324"/>
      <c r="D5" s="324"/>
      <c r="E5" s="324"/>
      <c r="F5" s="324"/>
      <c r="G5" s="324"/>
      <c r="H5" s="324"/>
    </row>
    <row r="6" spans="1:8" ht="45" customHeight="1">
      <c r="A6" s="37" t="s">
        <v>85</v>
      </c>
      <c r="B6" s="38" t="s">
        <v>86</v>
      </c>
      <c r="C6" s="39" t="s">
        <v>87</v>
      </c>
      <c r="D6" s="40" t="s">
        <v>88</v>
      </c>
      <c r="E6" s="38" t="s">
        <v>409</v>
      </c>
      <c r="F6" s="40" t="s">
        <v>413</v>
      </c>
      <c r="G6" s="39" t="s">
        <v>411</v>
      </c>
      <c r="H6" s="40" t="s">
        <v>413</v>
      </c>
    </row>
    <row r="7" spans="1:8" ht="60">
      <c r="A7" s="41"/>
      <c r="B7" s="42" t="s">
        <v>89</v>
      </c>
      <c r="C7" s="43" t="s">
        <v>90</v>
      </c>
      <c r="D7" s="44" t="s">
        <v>91</v>
      </c>
      <c r="E7" s="42" t="s">
        <v>410</v>
      </c>
      <c r="F7" s="91" t="s">
        <v>104</v>
      </c>
      <c r="G7" s="126" t="s">
        <v>412</v>
      </c>
      <c r="H7" s="91" t="s">
        <v>104</v>
      </c>
    </row>
    <row r="8" spans="1:8">
      <c r="A8" s="45" t="s">
        <v>435</v>
      </c>
      <c r="B8" s="46">
        <v>10765</v>
      </c>
      <c r="C8" s="47">
        <v>71.107271693621257</v>
      </c>
      <c r="D8" s="48">
        <v>0.37240000000000001</v>
      </c>
      <c r="E8" s="285">
        <v>0.21129637167984341</v>
      </c>
      <c r="F8" s="283">
        <v>7.8691150813056249E-3</v>
      </c>
      <c r="G8" s="285">
        <v>0.44223960828991737</v>
      </c>
      <c r="H8" s="283">
        <v>9.5718777259957942E-3</v>
      </c>
    </row>
    <row r="9" spans="1:8">
      <c r="A9" s="49" t="s">
        <v>436</v>
      </c>
      <c r="B9" s="50">
        <v>8628</v>
      </c>
      <c r="C9" s="51">
        <v>72.033155499690523</v>
      </c>
      <c r="D9" s="52">
        <v>0.41845088882719866</v>
      </c>
      <c r="E9" s="286">
        <v>0.18847712507970982</v>
      </c>
      <c r="F9" s="284">
        <v>8.4213478982355459E-3</v>
      </c>
      <c r="G9" s="286">
        <v>0.47128157181724678</v>
      </c>
      <c r="H9" s="284">
        <v>1.0745519058104679E-2</v>
      </c>
    </row>
    <row r="10" spans="1:8" s="5" customFormat="1">
      <c r="A10" s="45" t="s">
        <v>437</v>
      </c>
      <c r="B10" s="46">
        <v>1973</v>
      </c>
      <c r="C10" s="47">
        <v>68.900000000000006</v>
      </c>
      <c r="D10" s="48">
        <v>0.98</v>
      </c>
      <c r="E10" s="285">
        <v>0.252</v>
      </c>
      <c r="F10" s="283">
        <v>1.9541772765066311E-2</v>
      </c>
      <c r="G10" s="285">
        <v>0.37</v>
      </c>
      <c r="H10" s="283">
        <v>2.1720080486313968E-2</v>
      </c>
    </row>
    <row r="11" spans="1:8" s="5" customFormat="1">
      <c r="A11" s="49" t="s">
        <v>438</v>
      </c>
      <c r="B11" s="50">
        <v>98</v>
      </c>
      <c r="C11" s="51">
        <v>71.323666814529346</v>
      </c>
      <c r="D11" s="52">
        <v>3.2731999999999997</v>
      </c>
      <c r="E11" s="286">
        <v>0.16655419768746604</v>
      </c>
      <c r="F11" s="284">
        <v>7.6019446896683093E-2</v>
      </c>
      <c r="G11" s="286">
        <v>0.36289770931427889</v>
      </c>
      <c r="H11" s="284">
        <v>9.5516825739969349E-2</v>
      </c>
    </row>
    <row r="12" spans="1:8" s="5" customFormat="1">
      <c r="A12" s="45" t="s">
        <v>439</v>
      </c>
      <c r="B12" s="46">
        <v>680</v>
      </c>
      <c r="C12" s="47">
        <v>72.958591884489053</v>
      </c>
      <c r="D12" s="48">
        <v>1.5287999999999999</v>
      </c>
      <c r="E12" s="285">
        <v>0.16630793519792769</v>
      </c>
      <c r="F12" s="283">
        <v>2.8607869286676642E-2</v>
      </c>
      <c r="G12" s="285">
        <v>0.4998291976553324</v>
      </c>
      <c r="H12" s="283">
        <v>3.8235953440161452E-2</v>
      </c>
    </row>
    <row r="13" spans="1:8" s="5" customFormat="1">
      <c r="A13" s="49" t="s">
        <v>440</v>
      </c>
      <c r="B13" s="50">
        <v>292</v>
      </c>
      <c r="C13" s="51">
        <v>75.537992010632351</v>
      </c>
      <c r="D13" s="52">
        <v>2.1952000000000003</v>
      </c>
      <c r="E13" s="286">
        <v>0.13081281026649685</v>
      </c>
      <c r="F13" s="284">
        <v>3.9823884301844754E-2</v>
      </c>
      <c r="G13" s="286">
        <v>0.5675411194881741</v>
      </c>
      <c r="H13" s="284">
        <v>5.7605444573361218E-2</v>
      </c>
    </row>
    <row r="14" spans="1:8" s="5" customFormat="1">
      <c r="A14" s="45" t="s">
        <v>441</v>
      </c>
      <c r="B14" s="46">
        <v>83</v>
      </c>
      <c r="C14" s="47">
        <v>72.29287434541348</v>
      </c>
      <c r="D14" s="48">
        <v>4.6059999999999999</v>
      </c>
      <c r="E14" s="285">
        <v>0.14999238536043852</v>
      </c>
      <c r="F14" s="283">
        <v>7.9798759936648034E-2</v>
      </c>
      <c r="G14" s="285">
        <v>0.50221852718855242</v>
      </c>
      <c r="H14" s="283">
        <v>0.10721029293482129</v>
      </c>
    </row>
    <row r="15" spans="1:8" s="5" customFormat="1">
      <c r="A15" s="49" t="s">
        <v>442</v>
      </c>
      <c r="B15" s="50">
        <v>154</v>
      </c>
      <c r="C15" s="51">
        <v>68.283460964357261</v>
      </c>
      <c r="D15" s="52">
        <v>3.5868000000000002</v>
      </c>
      <c r="E15" s="286">
        <v>0.22673392786548929</v>
      </c>
      <c r="F15" s="284">
        <v>6.7328548851533956E-2</v>
      </c>
      <c r="G15" s="286">
        <v>0.42840094744723739</v>
      </c>
      <c r="H15" s="284">
        <v>7.8777021615866277E-2</v>
      </c>
    </row>
    <row r="16" spans="1:8" s="5" customFormat="1">
      <c r="A16" s="45" t="s">
        <v>443</v>
      </c>
      <c r="B16" s="46">
        <v>145</v>
      </c>
      <c r="C16" s="47">
        <v>73.037606618498728</v>
      </c>
      <c r="D16" s="48">
        <v>2.9988000000000001</v>
      </c>
      <c r="E16" s="285">
        <v>0.18164656235530857</v>
      </c>
      <c r="F16" s="283">
        <v>6.4302055673299302E-2</v>
      </c>
      <c r="G16" s="285">
        <v>0.43989512176040252</v>
      </c>
      <c r="H16" s="283">
        <v>8.1360704028873826E-2</v>
      </c>
    </row>
    <row r="17" spans="1:8" s="5" customFormat="1">
      <c r="A17" s="49" t="s">
        <v>444</v>
      </c>
      <c r="B17" s="50">
        <v>754</v>
      </c>
      <c r="C17" s="51">
        <v>70.156782546927587</v>
      </c>
      <c r="D17" s="52">
        <v>1.3523999999999998</v>
      </c>
      <c r="E17" s="286">
        <v>0.19541258743896878</v>
      </c>
      <c r="F17" s="284">
        <v>2.8893678667317416E-2</v>
      </c>
      <c r="G17" s="286">
        <v>0.38998655775048308</v>
      </c>
      <c r="H17" s="284">
        <v>3.5441016530524644E-2</v>
      </c>
    </row>
    <row r="18" spans="1:8" s="5" customFormat="1">
      <c r="A18" s="45" t="s">
        <v>445</v>
      </c>
      <c r="B18" s="46">
        <v>544</v>
      </c>
      <c r="C18" s="47">
        <v>72.026470958585605</v>
      </c>
      <c r="D18" s="48">
        <v>1.5680000000000001</v>
      </c>
      <c r="E18" s="285">
        <v>0.16500000000000001</v>
      </c>
      <c r="F18" s="283">
        <v>3.1899401853938199E-2</v>
      </c>
      <c r="G18" s="285">
        <v>0.44400000000000001</v>
      </c>
      <c r="H18" s="283">
        <v>4.2453032350480237E-2</v>
      </c>
    </row>
    <row r="19" spans="1:8" s="5" customFormat="1" ht="25.5">
      <c r="A19" s="49" t="s">
        <v>450</v>
      </c>
      <c r="B19" s="50">
        <v>135</v>
      </c>
      <c r="C19" s="51">
        <v>70.978536560332685</v>
      </c>
      <c r="D19" s="52">
        <v>3.1947999999999999</v>
      </c>
      <c r="E19" s="286">
        <v>0.17014941898535826</v>
      </c>
      <c r="F19" s="284">
        <v>6.512200958415304E-2</v>
      </c>
      <c r="G19" s="286">
        <v>0.40272343987992015</v>
      </c>
      <c r="H19" s="284">
        <v>8.3290952661117343E-2</v>
      </c>
    </row>
    <row r="20" spans="1:8">
      <c r="A20" s="45" t="s">
        <v>447</v>
      </c>
      <c r="B20" s="46">
        <v>183</v>
      </c>
      <c r="C20" s="47">
        <v>75.168600302214841</v>
      </c>
      <c r="D20" s="48">
        <v>2.2931999999999997</v>
      </c>
      <c r="E20" s="285">
        <v>9.0477060355638766E-2</v>
      </c>
      <c r="F20" s="283">
        <v>4.3727142578001414E-2</v>
      </c>
      <c r="G20" s="285">
        <v>0.48764628731289283</v>
      </c>
      <c r="H20" s="283">
        <v>7.3105863449482708E-2</v>
      </c>
    </row>
    <row r="21" spans="1:8">
      <c r="A21" s="49" t="s">
        <v>446</v>
      </c>
      <c r="B21" s="50">
        <v>117</v>
      </c>
      <c r="C21" s="51">
        <v>75.152960127708184</v>
      </c>
      <c r="D21" s="52">
        <v>3.0968</v>
      </c>
      <c r="E21" s="286">
        <v>0.1197306209454716</v>
      </c>
      <c r="F21" s="284">
        <v>6.1603321819533194E-2</v>
      </c>
      <c r="G21" s="286">
        <v>0.52829196710465665</v>
      </c>
      <c r="H21" s="284">
        <v>9.0772918234104119E-2</v>
      </c>
    </row>
    <row r="22" spans="1:8">
      <c r="A22" s="57" t="s">
        <v>451</v>
      </c>
      <c r="B22" s="46">
        <v>175</v>
      </c>
      <c r="C22" s="47">
        <v>65.847005820730772</v>
      </c>
      <c r="D22" s="48">
        <v>2.9988000000000001</v>
      </c>
      <c r="E22" s="285">
        <v>0.25647297317174328</v>
      </c>
      <c r="F22" s="283">
        <v>6.5725940846826994E-2</v>
      </c>
      <c r="G22" s="285">
        <v>0.2702198992685661</v>
      </c>
      <c r="H22" s="283">
        <v>6.6774776420457815E-2</v>
      </c>
    </row>
    <row r="23" spans="1:8">
      <c r="A23" s="49" t="s">
        <v>448</v>
      </c>
      <c r="B23" s="50">
        <v>115</v>
      </c>
      <c r="C23" s="51">
        <v>72.25530623792622</v>
      </c>
      <c r="D23" s="52">
        <v>3.5868000000000002</v>
      </c>
      <c r="E23" s="286">
        <v>0.20988854689688125</v>
      </c>
      <c r="F23" s="284">
        <v>7.5903162160168305E-2</v>
      </c>
      <c r="G23" s="286">
        <v>0.4834801056929135</v>
      </c>
      <c r="H23" s="284">
        <v>9.1623110259871937E-2</v>
      </c>
    </row>
    <row r="24" spans="1:8">
      <c r="A24" s="57" t="s">
        <v>449</v>
      </c>
      <c r="B24" s="46">
        <v>137</v>
      </c>
      <c r="C24" s="47">
        <v>70.801713323022938</v>
      </c>
      <c r="D24" s="48">
        <v>3.1360000000000001</v>
      </c>
      <c r="E24" s="285">
        <v>0.23210554370845127</v>
      </c>
      <c r="F24" s="283">
        <v>7.1903543378635332E-2</v>
      </c>
      <c r="G24" s="285">
        <v>0.45363119859354473</v>
      </c>
      <c r="H24" s="283">
        <v>8.3872614226138356E-2</v>
      </c>
    </row>
    <row r="25" spans="1:8">
      <c r="A25" s="5"/>
      <c r="B25" s="5"/>
      <c r="C25" s="5"/>
      <c r="D25" s="5"/>
      <c r="G25" s="5"/>
      <c r="H25" s="5"/>
    </row>
    <row r="26" spans="1:8">
      <c r="A26" s="5"/>
      <c r="B26" s="5"/>
      <c r="C26" s="5"/>
      <c r="D26" s="5"/>
      <c r="G26" s="5"/>
      <c r="H26" s="5"/>
    </row>
    <row r="27" spans="1:8">
      <c r="A27" s="5"/>
      <c r="B27" s="5"/>
      <c r="C27" s="5"/>
      <c r="D27" s="5"/>
      <c r="G27" s="5"/>
      <c r="H27" s="5"/>
    </row>
    <row r="28" spans="1:8" s="5" customFormat="1"/>
    <row r="29" spans="1:8" s="5" customFormat="1"/>
    <row r="30" spans="1:8" s="5" customFormat="1"/>
    <row r="32" spans="1:8" ht="18.75">
      <c r="A32" s="317" t="s">
        <v>7</v>
      </c>
      <c r="B32" s="317"/>
      <c r="C32" s="317"/>
      <c r="D32" s="317"/>
      <c r="E32" s="317"/>
      <c r="F32" s="317"/>
      <c r="G32" s="317"/>
      <c r="H32" s="317"/>
    </row>
    <row r="33" spans="1:8" ht="115.5" customHeight="1">
      <c r="A33" s="318" t="s">
        <v>290</v>
      </c>
      <c r="B33" s="318"/>
      <c r="C33" s="318"/>
      <c r="D33" s="318"/>
      <c r="E33" s="318"/>
      <c r="F33" s="318"/>
      <c r="G33" s="318"/>
      <c r="H33" s="318"/>
    </row>
    <row r="34" spans="1:8" ht="39.75" customHeight="1">
      <c r="A34" s="323" t="s">
        <v>92</v>
      </c>
      <c r="B34" s="324"/>
      <c r="C34" s="324"/>
      <c r="D34" s="324"/>
      <c r="E34" s="324"/>
      <c r="F34" s="324"/>
      <c r="G34" s="324"/>
      <c r="H34" s="324"/>
    </row>
    <row r="35" spans="1:8" ht="45" customHeight="1">
      <c r="A35" s="37" t="s">
        <v>85</v>
      </c>
      <c r="B35" s="38" t="s">
        <v>86</v>
      </c>
      <c r="C35" s="39" t="s">
        <v>87</v>
      </c>
      <c r="D35" s="40" t="s">
        <v>88</v>
      </c>
      <c r="E35" s="38" t="s">
        <v>409</v>
      </c>
      <c r="F35" s="40" t="s">
        <v>413</v>
      </c>
      <c r="G35" s="39" t="s">
        <v>411</v>
      </c>
      <c r="H35" s="40" t="s">
        <v>413</v>
      </c>
    </row>
    <row r="36" spans="1:8" ht="87" customHeight="1">
      <c r="A36" s="41"/>
      <c r="B36" s="42" t="s">
        <v>89</v>
      </c>
      <c r="C36" s="43" t="s">
        <v>90</v>
      </c>
      <c r="D36" s="44" t="s">
        <v>91</v>
      </c>
      <c r="E36" s="42" t="s">
        <v>410</v>
      </c>
      <c r="F36" s="91" t="s">
        <v>104</v>
      </c>
      <c r="G36" s="126" t="s">
        <v>412</v>
      </c>
      <c r="H36" s="91" t="s">
        <v>104</v>
      </c>
    </row>
    <row r="37" spans="1:8">
      <c r="A37" s="45" t="s">
        <v>435</v>
      </c>
      <c r="B37" s="58">
        <v>10728</v>
      </c>
      <c r="C37" s="59">
        <v>69.8</v>
      </c>
      <c r="D37" s="60">
        <v>0.3332</v>
      </c>
      <c r="E37" s="287">
        <v>0.26500000000000001</v>
      </c>
      <c r="F37" s="288">
        <v>8.5212273349339705E-3</v>
      </c>
      <c r="G37" s="287">
        <v>0.32600000000000001</v>
      </c>
      <c r="H37" s="288">
        <v>9.0500444183065909E-3</v>
      </c>
    </row>
    <row r="38" spans="1:8" s="5" customFormat="1">
      <c r="A38" s="49" t="s">
        <v>436</v>
      </c>
      <c r="B38" s="61">
        <v>8596</v>
      </c>
      <c r="C38" s="62">
        <v>71.347129350525535</v>
      </c>
      <c r="D38" s="63">
        <v>0.37445591310394172</v>
      </c>
      <c r="E38" s="289">
        <v>0.23599999999999999</v>
      </c>
      <c r="F38" s="290">
        <v>9.1592834697616834E-3</v>
      </c>
      <c r="G38" s="289">
        <v>0.36099999999999999</v>
      </c>
      <c r="H38" s="290">
        <v>1.0358615532065801E-2</v>
      </c>
    </row>
    <row r="39" spans="1:8" s="5" customFormat="1">
      <c r="A39" s="53" t="s">
        <v>437</v>
      </c>
      <c r="B39" s="54">
        <v>1962</v>
      </c>
      <c r="C39" s="55">
        <v>66.88</v>
      </c>
      <c r="D39" s="56">
        <v>0.82319999999999993</v>
      </c>
      <c r="E39" s="291">
        <v>0.33</v>
      </c>
      <c r="F39" s="288">
        <v>2.1215240474457296E-2</v>
      </c>
      <c r="G39" s="291">
        <v>0.26500000000000001</v>
      </c>
      <c r="H39" s="288">
        <v>1.9918424257417147E-2</v>
      </c>
    </row>
    <row r="40" spans="1:8" s="5" customFormat="1">
      <c r="A40" s="49" t="s">
        <v>438</v>
      </c>
      <c r="B40" s="61">
        <v>99</v>
      </c>
      <c r="C40" s="62">
        <v>65.599999999999994</v>
      </c>
      <c r="D40" s="63">
        <v>3.4691999999999998</v>
      </c>
      <c r="E40" s="289">
        <v>0.27428981844087219</v>
      </c>
      <c r="F40" s="290">
        <v>8.877482823962897E-2</v>
      </c>
      <c r="G40" s="289">
        <v>0.19460869150974255</v>
      </c>
      <c r="H40" s="290">
        <v>7.9766476345268914E-2</v>
      </c>
    </row>
    <row r="41" spans="1:8" s="5" customFormat="1">
      <c r="A41" s="53" t="s">
        <v>439</v>
      </c>
      <c r="B41" s="54">
        <v>677</v>
      </c>
      <c r="C41" s="55">
        <v>71.5</v>
      </c>
      <c r="D41" s="56">
        <v>1.3328</v>
      </c>
      <c r="E41" s="291">
        <v>0.23109262823692453</v>
      </c>
      <c r="F41" s="288">
        <v>3.2383150485161459E-2</v>
      </c>
      <c r="G41" s="291">
        <v>0.35277023449476452</v>
      </c>
      <c r="H41" s="288">
        <v>3.6641477880180608E-2</v>
      </c>
    </row>
    <row r="42" spans="1:8" s="5" customFormat="1">
      <c r="A42" s="49" t="s">
        <v>440</v>
      </c>
      <c r="B42" s="61">
        <v>293</v>
      </c>
      <c r="C42" s="62">
        <v>74.7</v>
      </c>
      <c r="D42" s="63">
        <v>1.8619999999999999</v>
      </c>
      <c r="E42" s="289">
        <v>0.15061560696836893</v>
      </c>
      <c r="F42" s="290">
        <v>4.2035173687501877E-2</v>
      </c>
      <c r="G42" s="289">
        <v>0.39212244997494772</v>
      </c>
      <c r="H42" s="290">
        <v>5.6696224386170127E-2</v>
      </c>
    </row>
    <row r="43" spans="1:8" s="5" customFormat="1">
      <c r="A43" s="53" t="s">
        <v>441</v>
      </c>
      <c r="B43" s="54">
        <v>82</v>
      </c>
      <c r="C43" s="55">
        <v>69.3</v>
      </c>
      <c r="D43" s="56">
        <v>4.1355999999999993</v>
      </c>
      <c r="E43" s="291">
        <v>0.32747655302122558</v>
      </c>
      <c r="F43" s="288">
        <v>0.10182978179506756</v>
      </c>
      <c r="G43" s="291">
        <v>0.33667459285142454</v>
      </c>
      <c r="H43" s="288">
        <v>0.10246917108654842</v>
      </c>
    </row>
    <row r="44" spans="1:8" s="5" customFormat="1">
      <c r="A44" s="49" t="s">
        <v>442</v>
      </c>
      <c r="B44" s="61">
        <v>152</v>
      </c>
      <c r="C44" s="62">
        <v>67.2</v>
      </c>
      <c r="D44" s="63">
        <v>3.0771999999999999</v>
      </c>
      <c r="E44" s="289">
        <v>0.30462520595590331</v>
      </c>
      <c r="F44" s="290">
        <v>7.4034139170045504E-2</v>
      </c>
      <c r="G44" s="289">
        <v>0.27012109128675144</v>
      </c>
      <c r="H44" s="290">
        <v>7.1581208847610489E-2</v>
      </c>
    </row>
    <row r="45" spans="1:8" s="5" customFormat="1">
      <c r="A45" s="53" t="s">
        <v>443</v>
      </c>
      <c r="B45" s="54">
        <v>144</v>
      </c>
      <c r="C45" s="55">
        <v>70.3</v>
      </c>
      <c r="D45" s="56">
        <v>2.8028</v>
      </c>
      <c r="E45" s="291">
        <v>0.27204238363977862</v>
      </c>
      <c r="F45" s="288">
        <v>7.3669508225460312E-2</v>
      </c>
      <c r="G45" s="291">
        <v>0.36705770878762151</v>
      </c>
      <c r="H45" s="288">
        <v>7.9401267926907784E-2</v>
      </c>
    </row>
    <row r="46" spans="1:8" s="5" customFormat="1">
      <c r="A46" s="49" t="s">
        <v>444</v>
      </c>
      <c r="B46" s="61">
        <v>749</v>
      </c>
      <c r="C46" s="62">
        <v>69.099999999999994</v>
      </c>
      <c r="D46" s="63">
        <v>1.2544</v>
      </c>
      <c r="E46" s="289">
        <v>0.28710734829355616</v>
      </c>
      <c r="F46" s="290">
        <v>3.3012288922700327E-2</v>
      </c>
      <c r="G46" s="289">
        <v>0.28617868856635037</v>
      </c>
      <c r="H46" s="290">
        <v>3.2980729127656032E-2</v>
      </c>
    </row>
    <row r="47" spans="1:8" s="5" customFormat="1">
      <c r="A47" s="45" t="s">
        <v>445</v>
      </c>
      <c r="B47" s="58">
        <v>540</v>
      </c>
      <c r="C47" s="59">
        <v>72.39</v>
      </c>
      <c r="D47" s="60">
        <v>1.3915999999999999</v>
      </c>
      <c r="E47" s="287">
        <v>0.20699999999999999</v>
      </c>
      <c r="F47" s="288">
        <v>3.4874654099493328E-2</v>
      </c>
      <c r="G47" s="287">
        <v>0.36699999999999999</v>
      </c>
      <c r="H47" s="288">
        <v>4.1353050956510325E-2</v>
      </c>
    </row>
    <row r="48" spans="1:8" ht="25.5">
      <c r="A48" s="49" t="s">
        <v>450</v>
      </c>
      <c r="B48" s="61">
        <v>135</v>
      </c>
      <c r="C48" s="62">
        <v>69.599999999999994</v>
      </c>
      <c r="D48" s="63">
        <v>2.9007999999999998</v>
      </c>
      <c r="E48" s="289">
        <v>0.23118533514564019</v>
      </c>
      <c r="F48" s="290">
        <v>7.2337689398202482E-2</v>
      </c>
      <c r="G48" s="289">
        <v>0.25082443623751799</v>
      </c>
      <c r="H48" s="290">
        <v>7.422182554506096E-2</v>
      </c>
    </row>
    <row r="49" spans="1:50">
      <c r="A49" s="45" t="s">
        <v>447</v>
      </c>
      <c r="B49" s="54">
        <v>181</v>
      </c>
      <c r="C49" s="55">
        <v>74.3</v>
      </c>
      <c r="D49" s="56">
        <v>2.2147999999999999</v>
      </c>
      <c r="E49" s="291">
        <v>0.22188360326352846</v>
      </c>
      <c r="F49" s="288">
        <v>6.1680943609436857E-2</v>
      </c>
      <c r="G49" s="291">
        <v>0.41171751934501954</v>
      </c>
      <c r="H49" s="288">
        <v>7.2416153056262283E-2</v>
      </c>
    </row>
    <row r="50" spans="1:50">
      <c r="A50" s="49" t="s">
        <v>446</v>
      </c>
      <c r="B50" s="61">
        <v>116</v>
      </c>
      <c r="C50" s="62">
        <v>74.099999999999994</v>
      </c>
      <c r="D50" s="63">
        <v>2.9007999999999998</v>
      </c>
      <c r="E50" s="289">
        <v>0.22922180097178721</v>
      </c>
      <c r="F50" s="290">
        <v>7.7778693499927415E-2</v>
      </c>
      <c r="G50" s="289">
        <v>0.42621518440351991</v>
      </c>
      <c r="H50" s="290">
        <v>9.0353509151225905E-2</v>
      </c>
    </row>
    <row r="51" spans="1:50">
      <c r="A51" s="57" t="s">
        <v>451</v>
      </c>
      <c r="B51" s="58">
        <v>174</v>
      </c>
      <c r="C51" s="59">
        <v>64.900000000000006</v>
      </c>
      <c r="D51" s="60">
        <v>2.7635999999999998</v>
      </c>
      <c r="E51" s="287">
        <v>0.35214878394271337</v>
      </c>
      <c r="F51" s="288">
        <v>7.1753549810687864E-2</v>
      </c>
      <c r="G51" s="287">
        <v>0.1755707265883201</v>
      </c>
      <c r="H51" s="288">
        <v>5.7946706867969447E-2</v>
      </c>
    </row>
    <row r="52" spans="1:50">
      <c r="A52" s="49" t="s">
        <v>448</v>
      </c>
      <c r="B52" s="61">
        <v>114</v>
      </c>
      <c r="C52" s="62">
        <v>72.099999999999994</v>
      </c>
      <c r="D52" s="63">
        <v>3.0771999999999999</v>
      </c>
      <c r="E52" s="289">
        <v>0.26250024161642288</v>
      </c>
      <c r="F52" s="290">
        <v>8.1792045843504343E-2</v>
      </c>
      <c r="G52" s="289">
        <v>0.35638093989013142</v>
      </c>
      <c r="H52" s="290">
        <v>8.8441930804898844E-2</v>
      </c>
    </row>
    <row r="53" spans="1:50">
      <c r="A53" s="57" t="s">
        <v>449</v>
      </c>
      <c r="B53" s="58">
        <v>136</v>
      </c>
      <c r="C53" s="59">
        <v>70.7</v>
      </c>
      <c r="D53" s="60">
        <v>2.94</v>
      </c>
      <c r="E53" s="287">
        <v>0.24185737296727741</v>
      </c>
      <c r="F53" s="288">
        <v>7.3117488590052529E-2</v>
      </c>
      <c r="G53" s="287">
        <v>0.4111832881740341</v>
      </c>
      <c r="H53" s="288">
        <v>8.3247637181739928E-2</v>
      </c>
    </row>
    <row r="54" spans="1:50">
      <c r="A54" s="5"/>
      <c r="B54" s="5"/>
      <c r="C54" s="5"/>
      <c r="D54" s="5"/>
      <c r="G54" s="5"/>
      <c r="H54" s="5"/>
    </row>
    <row r="55" spans="1:50">
      <c r="A55" s="5"/>
      <c r="B55" s="5"/>
      <c r="C55" s="5"/>
      <c r="D55" s="5"/>
      <c r="G55" s="5"/>
      <c r="H55" s="5"/>
    </row>
    <row r="56" spans="1:50">
      <c r="A56" s="5"/>
      <c r="B56" s="5"/>
      <c r="C56" s="5"/>
      <c r="D56" s="5"/>
      <c r="G56" s="5"/>
      <c r="H56" s="5"/>
    </row>
    <row r="57" spans="1:50">
      <c r="A57" s="5"/>
      <c r="B57" s="5"/>
      <c r="C57" s="5"/>
      <c r="D57" s="5"/>
      <c r="G57" s="5"/>
      <c r="H57" s="5"/>
    </row>
    <row r="58" spans="1:50">
      <c r="A58" s="5"/>
      <c r="B58" s="5"/>
      <c r="C58" s="5"/>
      <c r="D58" s="5"/>
      <c r="G58" s="5"/>
      <c r="H58" s="5"/>
    </row>
    <row r="59" spans="1:50" s="5" customFormat="1"/>
    <row r="61" spans="1:50" ht="18.75">
      <c r="A61" s="317" t="s">
        <v>32</v>
      </c>
      <c r="B61" s="317"/>
      <c r="C61" s="317"/>
      <c r="D61" s="317"/>
      <c r="E61" s="317"/>
      <c r="F61" s="317"/>
      <c r="G61" s="317"/>
      <c r="H61" s="317"/>
      <c r="I61" s="317"/>
      <c r="J61" s="317"/>
      <c r="K61" s="317"/>
      <c r="L61" s="317"/>
      <c r="M61" s="317"/>
      <c r="N61" s="317"/>
      <c r="O61" s="317"/>
      <c r="P61" s="317"/>
      <c r="Q61" s="317"/>
      <c r="R61" s="317"/>
      <c r="S61" s="317"/>
      <c r="T61" s="317"/>
      <c r="U61" s="317"/>
      <c r="V61" s="317"/>
      <c r="W61" s="317"/>
      <c r="X61" s="317"/>
      <c r="Y61" s="317"/>
      <c r="Z61" s="317"/>
      <c r="AA61" s="317"/>
      <c r="AB61" s="317"/>
      <c r="AC61" s="317"/>
      <c r="AD61" s="317"/>
      <c r="AE61" s="317"/>
      <c r="AF61" s="317"/>
      <c r="AG61" s="317"/>
      <c r="AH61" s="317"/>
      <c r="AI61" s="317"/>
      <c r="AJ61" s="317"/>
      <c r="AK61" s="317"/>
      <c r="AL61" s="317"/>
      <c r="AM61" s="317"/>
      <c r="AN61" s="317"/>
      <c r="AO61" s="317"/>
      <c r="AP61" s="317"/>
      <c r="AQ61" s="317"/>
      <c r="AR61" s="317"/>
      <c r="AS61" s="317"/>
      <c r="AT61" s="317"/>
      <c r="AU61" s="317"/>
      <c r="AV61" s="317"/>
      <c r="AW61" s="317"/>
      <c r="AX61" s="317"/>
    </row>
    <row r="62" spans="1:50" ht="70.5" customHeight="1">
      <c r="A62" s="319" t="s">
        <v>93</v>
      </c>
      <c r="B62" s="319"/>
      <c r="C62" s="319"/>
      <c r="D62" s="319"/>
      <c r="E62" s="319"/>
      <c r="F62" s="319"/>
      <c r="G62" s="319"/>
      <c r="H62" s="319"/>
      <c r="I62" s="319"/>
      <c r="J62" s="319"/>
      <c r="K62" s="319"/>
      <c r="L62" s="319"/>
      <c r="M62" s="319"/>
      <c r="N62" s="319"/>
      <c r="O62" s="319"/>
      <c r="P62" s="319"/>
      <c r="Q62" s="319"/>
      <c r="R62" s="319"/>
      <c r="S62" s="319"/>
      <c r="T62" s="319"/>
      <c r="U62" s="319"/>
      <c r="V62" s="319"/>
      <c r="W62" s="319"/>
      <c r="X62" s="319"/>
      <c r="Y62" s="319"/>
      <c r="Z62" s="319"/>
      <c r="AA62" s="319"/>
      <c r="AB62" s="319"/>
      <c r="AC62" s="319"/>
      <c r="AD62" s="319"/>
      <c r="AE62" s="319"/>
      <c r="AF62" s="319"/>
      <c r="AG62" s="319"/>
      <c r="AH62" s="319"/>
      <c r="AI62" s="319"/>
      <c r="AJ62" s="319"/>
      <c r="AK62" s="319"/>
      <c r="AL62" s="319"/>
      <c r="AM62" s="319"/>
      <c r="AN62" s="319"/>
      <c r="AO62" s="319"/>
      <c r="AP62" s="319"/>
      <c r="AQ62" s="319"/>
      <c r="AR62" s="319"/>
      <c r="AS62" s="319"/>
      <c r="AT62" s="319"/>
      <c r="AU62" s="319"/>
      <c r="AV62" s="319"/>
      <c r="AW62" s="319"/>
      <c r="AX62" s="319"/>
    </row>
    <row r="63" spans="1:50" ht="32.25" customHeight="1">
      <c r="A63" s="64" t="s">
        <v>94</v>
      </c>
      <c r="B63" s="313" t="s">
        <v>95</v>
      </c>
      <c r="C63" s="314"/>
      <c r="D63" s="314"/>
      <c r="E63" s="314"/>
      <c r="F63" s="314"/>
      <c r="G63" s="314"/>
      <c r="H63" s="315"/>
      <c r="I63" s="313" t="s">
        <v>415</v>
      </c>
      <c r="J63" s="314"/>
      <c r="K63" s="314"/>
      <c r="L63" s="314"/>
      <c r="M63" s="314"/>
      <c r="N63" s="314"/>
      <c r="O63" s="315"/>
      <c r="P63" s="313" t="s">
        <v>416</v>
      </c>
      <c r="Q63" s="314"/>
      <c r="R63" s="314"/>
      <c r="S63" s="314"/>
      <c r="T63" s="314"/>
      <c r="U63" s="314"/>
      <c r="V63" s="315"/>
      <c r="W63" s="313" t="s">
        <v>96</v>
      </c>
      <c r="X63" s="314"/>
      <c r="Y63" s="314"/>
      <c r="Z63" s="314"/>
      <c r="AA63" s="314"/>
      <c r="AB63" s="314"/>
      <c r="AC63" s="315"/>
      <c r="AD63" s="313" t="s">
        <v>97</v>
      </c>
      <c r="AE63" s="314"/>
      <c r="AF63" s="314"/>
      <c r="AG63" s="314"/>
      <c r="AH63" s="314"/>
      <c r="AI63" s="314"/>
      <c r="AJ63" s="315"/>
      <c r="AK63" s="313" t="s">
        <v>98</v>
      </c>
      <c r="AL63" s="314"/>
      <c r="AM63" s="314"/>
      <c r="AN63" s="314"/>
      <c r="AO63" s="314"/>
      <c r="AP63" s="314"/>
      <c r="AQ63" s="315"/>
      <c r="AR63" s="313" t="s">
        <v>99</v>
      </c>
      <c r="AS63" s="314"/>
      <c r="AT63" s="314"/>
      <c r="AU63" s="314"/>
      <c r="AV63" s="314"/>
      <c r="AW63" s="314"/>
      <c r="AX63" s="315"/>
    </row>
    <row r="64" spans="1:50" ht="43.5" customHeight="1">
      <c r="A64" s="37" t="s">
        <v>85</v>
      </c>
      <c r="B64" s="38" t="s">
        <v>86</v>
      </c>
      <c r="C64" s="39" t="s">
        <v>87</v>
      </c>
      <c r="D64" s="40" t="s">
        <v>88</v>
      </c>
      <c r="E64" s="39" t="s">
        <v>409</v>
      </c>
      <c r="F64" s="40" t="s">
        <v>413</v>
      </c>
      <c r="G64" s="39" t="s">
        <v>411</v>
      </c>
      <c r="H64" s="40" t="s">
        <v>414</v>
      </c>
      <c r="I64" s="65" t="s">
        <v>86</v>
      </c>
      <c r="J64" s="66" t="s">
        <v>87</v>
      </c>
      <c r="K64" s="67" t="s">
        <v>88</v>
      </c>
      <c r="L64" s="66" t="s">
        <v>409</v>
      </c>
      <c r="M64" s="67" t="s">
        <v>413</v>
      </c>
      <c r="N64" s="66" t="s">
        <v>411</v>
      </c>
      <c r="O64" s="67" t="s">
        <v>414</v>
      </c>
      <c r="P64" s="38" t="s">
        <v>86</v>
      </c>
      <c r="Q64" s="39" t="s">
        <v>87</v>
      </c>
      <c r="R64" s="40" t="s">
        <v>88</v>
      </c>
      <c r="S64" s="39" t="s">
        <v>409</v>
      </c>
      <c r="T64" s="40" t="s">
        <v>413</v>
      </c>
      <c r="U64" s="39" t="s">
        <v>411</v>
      </c>
      <c r="V64" s="40" t="s">
        <v>414</v>
      </c>
      <c r="W64" s="65" t="s">
        <v>86</v>
      </c>
      <c r="X64" s="66" t="s">
        <v>87</v>
      </c>
      <c r="Y64" s="67" t="s">
        <v>88</v>
      </c>
      <c r="Z64" s="66" t="s">
        <v>409</v>
      </c>
      <c r="AA64" s="67" t="s">
        <v>413</v>
      </c>
      <c r="AB64" s="66" t="s">
        <v>411</v>
      </c>
      <c r="AC64" s="67" t="s">
        <v>414</v>
      </c>
      <c r="AD64" s="38" t="s">
        <v>86</v>
      </c>
      <c r="AE64" s="39" t="s">
        <v>87</v>
      </c>
      <c r="AF64" s="40" t="s">
        <v>88</v>
      </c>
      <c r="AG64" s="39" t="s">
        <v>409</v>
      </c>
      <c r="AH64" s="40" t="s">
        <v>413</v>
      </c>
      <c r="AI64" s="39" t="s">
        <v>411</v>
      </c>
      <c r="AJ64" s="40" t="s">
        <v>414</v>
      </c>
      <c r="AK64" s="65" t="s">
        <v>86</v>
      </c>
      <c r="AL64" s="66" t="s">
        <v>87</v>
      </c>
      <c r="AM64" s="67" t="s">
        <v>88</v>
      </c>
      <c r="AN64" s="66" t="s">
        <v>409</v>
      </c>
      <c r="AO64" s="67" t="s">
        <v>413</v>
      </c>
      <c r="AP64" s="66" t="s">
        <v>411</v>
      </c>
      <c r="AQ64" s="67" t="s">
        <v>414</v>
      </c>
      <c r="AR64" s="38" t="s">
        <v>86</v>
      </c>
      <c r="AS64" s="39" t="s">
        <v>87</v>
      </c>
      <c r="AT64" s="40" t="s">
        <v>88</v>
      </c>
      <c r="AU64" s="39" t="s">
        <v>409</v>
      </c>
      <c r="AV64" s="40" t="s">
        <v>413</v>
      </c>
      <c r="AW64" s="39" t="s">
        <v>411</v>
      </c>
      <c r="AX64" s="40" t="s">
        <v>414</v>
      </c>
    </row>
    <row r="65" spans="1:50" ht="90" customHeight="1">
      <c r="A65" s="41"/>
      <c r="B65" s="42" t="s">
        <v>89</v>
      </c>
      <c r="C65" s="43" t="s">
        <v>90</v>
      </c>
      <c r="D65" s="44" t="s">
        <v>91</v>
      </c>
      <c r="E65" s="43" t="s">
        <v>410</v>
      </c>
      <c r="F65" s="91" t="s">
        <v>104</v>
      </c>
      <c r="G65" s="43" t="s">
        <v>412</v>
      </c>
      <c r="H65" s="91" t="s">
        <v>104</v>
      </c>
      <c r="I65" s="68" t="s">
        <v>89</v>
      </c>
      <c r="J65" s="69" t="s">
        <v>90</v>
      </c>
      <c r="K65" s="70" t="s">
        <v>91</v>
      </c>
      <c r="L65" s="69" t="s">
        <v>410</v>
      </c>
      <c r="M65" s="70" t="s">
        <v>91</v>
      </c>
      <c r="N65" s="69" t="s">
        <v>412</v>
      </c>
      <c r="O65" s="70" t="s">
        <v>104</v>
      </c>
      <c r="P65" s="42" t="s">
        <v>89</v>
      </c>
      <c r="Q65" s="43" t="s">
        <v>90</v>
      </c>
      <c r="R65" s="44" t="s">
        <v>91</v>
      </c>
      <c r="S65" s="43" t="s">
        <v>410</v>
      </c>
      <c r="T65" s="44" t="s">
        <v>104</v>
      </c>
      <c r="U65" s="43" t="s">
        <v>412</v>
      </c>
      <c r="V65" s="44" t="s">
        <v>104</v>
      </c>
      <c r="W65" s="68" t="s">
        <v>89</v>
      </c>
      <c r="X65" s="69" t="s">
        <v>90</v>
      </c>
      <c r="Y65" s="70" t="s">
        <v>91</v>
      </c>
      <c r="Z65" s="69" t="s">
        <v>410</v>
      </c>
      <c r="AA65" s="70" t="s">
        <v>104</v>
      </c>
      <c r="AB65" s="69" t="s">
        <v>412</v>
      </c>
      <c r="AC65" s="70" t="s">
        <v>104</v>
      </c>
      <c r="AD65" s="42" t="s">
        <v>89</v>
      </c>
      <c r="AE65" s="43" t="s">
        <v>90</v>
      </c>
      <c r="AF65" s="44" t="s">
        <v>91</v>
      </c>
      <c r="AG65" s="43" t="s">
        <v>410</v>
      </c>
      <c r="AH65" s="44" t="s">
        <v>104</v>
      </c>
      <c r="AI65" s="43" t="s">
        <v>412</v>
      </c>
      <c r="AJ65" s="44" t="s">
        <v>104</v>
      </c>
      <c r="AK65" s="68" t="s">
        <v>89</v>
      </c>
      <c r="AL65" s="69" t="s">
        <v>90</v>
      </c>
      <c r="AM65" s="70" t="s">
        <v>91</v>
      </c>
      <c r="AN65" s="69" t="s">
        <v>410</v>
      </c>
      <c r="AO65" s="70" t="s">
        <v>104</v>
      </c>
      <c r="AP65" s="69" t="s">
        <v>412</v>
      </c>
      <c r="AQ65" s="70" t="s">
        <v>104</v>
      </c>
      <c r="AR65" s="42" t="s">
        <v>89</v>
      </c>
      <c r="AS65" s="43" t="s">
        <v>90</v>
      </c>
      <c r="AT65" s="44" t="s">
        <v>91</v>
      </c>
      <c r="AU65" s="43" t="s">
        <v>410</v>
      </c>
      <c r="AV65" s="44" t="s">
        <v>104</v>
      </c>
      <c r="AW65" s="43" t="s">
        <v>412</v>
      </c>
      <c r="AX65" s="44" t="s">
        <v>104</v>
      </c>
    </row>
    <row r="66" spans="1:50">
      <c r="A66" s="45" t="s">
        <v>435</v>
      </c>
      <c r="B66" s="71">
        <v>10766</v>
      </c>
      <c r="C66" s="72">
        <v>73.135428260761017</v>
      </c>
      <c r="D66" s="73">
        <v>0.37240000000000001</v>
      </c>
      <c r="E66" s="292">
        <v>0.20522505740697988</v>
      </c>
      <c r="F66" s="293">
        <v>7.7847615631944592E-3</v>
      </c>
      <c r="G66" s="294">
        <v>0.48888295947074295</v>
      </c>
      <c r="H66" s="293">
        <v>9.6335166845829701E-3</v>
      </c>
      <c r="I66" s="71">
        <v>10748</v>
      </c>
      <c r="J66" s="72">
        <v>67.244438009910041</v>
      </c>
      <c r="K66" s="73">
        <v>0.43119999999999997</v>
      </c>
      <c r="L66" s="292">
        <v>0.29288641574317659</v>
      </c>
      <c r="M66" s="293">
        <v>8.7783527455123182E-3</v>
      </c>
      <c r="N66" s="294">
        <v>0.37098466872147023</v>
      </c>
      <c r="O66" s="293">
        <v>9.317630550416553E-3</v>
      </c>
      <c r="P66" s="71">
        <v>10706</v>
      </c>
      <c r="Q66" s="72">
        <v>66.708067282196211</v>
      </c>
      <c r="R66" s="73">
        <v>0.43119999999999997</v>
      </c>
      <c r="S66" s="292">
        <v>0.30939327802456323</v>
      </c>
      <c r="T66" s="293">
        <v>8.9337474383294809E-3</v>
      </c>
      <c r="U66" s="294">
        <v>0.37713076216647812</v>
      </c>
      <c r="V66" s="293">
        <v>9.3667753238603733E-3</v>
      </c>
      <c r="W66" s="71">
        <v>10727</v>
      </c>
      <c r="X66" s="72">
        <v>72.249166577051611</v>
      </c>
      <c r="Y66" s="73">
        <v>0.45080000000000003</v>
      </c>
      <c r="Z66" s="292">
        <v>0.24613325917532536</v>
      </c>
      <c r="AA66" s="293">
        <v>8.3176099636993687E-3</v>
      </c>
      <c r="AB66" s="294">
        <v>0.50729486023454118</v>
      </c>
      <c r="AC66" s="293">
        <v>9.652364421046453E-3</v>
      </c>
      <c r="AD66" s="71">
        <v>10744</v>
      </c>
      <c r="AE66" s="72">
        <v>76.90012075999887</v>
      </c>
      <c r="AF66" s="73">
        <v>0.39200000000000002</v>
      </c>
      <c r="AG66" s="292">
        <v>0.17387008807585744</v>
      </c>
      <c r="AH66" s="293">
        <v>7.3134517920980168E-3</v>
      </c>
      <c r="AI66" s="294">
        <v>0.58217472179114405</v>
      </c>
      <c r="AJ66" s="293">
        <v>9.5146908201943509E-3</v>
      </c>
      <c r="AK66" s="71">
        <v>10731</v>
      </c>
      <c r="AL66" s="72">
        <v>66.261620619360528</v>
      </c>
      <c r="AM66" s="73">
        <v>0.47039999999999998</v>
      </c>
      <c r="AN66" s="292">
        <v>0.33457951537585506</v>
      </c>
      <c r="AO66" s="293">
        <v>9.1084947689733711E-3</v>
      </c>
      <c r="AP66" s="294">
        <v>0.37200657019711392</v>
      </c>
      <c r="AQ66" s="293">
        <v>9.3302476626240857E-3</v>
      </c>
      <c r="AR66" s="71">
        <v>10727</v>
      </c>
      <c r="AS66" s="72">
        <v>65.772635405535141</v>
      </c>
      <c r="AT66" s="73">
        <v>0.47039999999999998</v>
      </c>
      <c r="AU66" s="292">
        <v>0.34369699703039691</v>
      </c>
      <c r="AV66" s="293">
        <v>9.1699610686267127E-3</v>
      </c>
      <c r="AW66" s="294">
        <v>0.38301445633193187</v>
      </c>
      <c r="AX66" s="293">
        <v>9.3856498650825883E-3</v>
      </c>
    </row>
    <row r="67" spans="1:50" s="5" customFormat="1">
      <c r="A67" s="49" t="s">
        <v>436</v>
      </c>
      <c r="B67" s="74">
        <v>8631</v>
      </c>
      <c r="C67" s="75">
        <v>74.7</v>
      </c>
      <c r="D67" s="76">
        <v>0.86009789626306943</v>
      </c>
      <c r="E67" s="295">
        <v>0.17586983603405243</v>
      </c>
      <c r="F67" s="296">
        <v>8.1966832363148008E-3</v>
      </c>
      <c r="G67" s="297">
        <v>0.53085617451249889</v>
      </c>
      <c r="H67" s="296">
        <v>1.0740908888076038E-2</v>
      </c>
      <c r="I67" s="74">
        <v>8613</v>
      </c>
      <c r="J67" s="75">
        <v>67.3</v>
      </c>
      <c r="K67" s="76">
        <v>0.48193448647016601</v>
      </c>
      <c r="L67" s="295">
        <v>0.29217886064190407</v>
      </c>
      <c r="M67" s="296">
        <v>9.7989647790480815E-3</v>
      </c>
      <c r="N67" s="297">
        <v>0.38767625270226186</v>
      </c>
      <c r="O67" s="296">
        <v>1.0497546618219396E-2</v>
      </c>
      <c r="P67" s="74">
        <v>8573</v>
      </c>
      <c r="Q67" s="75">
        <v>68.2</v>
      </c>
      <c r="R67" s="76">
        <v>0.49818328050476535</v>
      </c>
      <c r="S67" s="295">
        <v>0.28572427394142869</v>
      </c>
      <c r="T67" s="296">
        <v>9.7569562106019202E-3</v>
      </c>
      <c r="U67" s="297">
        <v>0.41204099339409267</v>
      </c>
      <c r="V67" s="296">
        <v>1.0629491615611822E-2</v>
      </c>
      <c r="W67" s="74">
        <v>8597</v>
      </c>
      <c r="X67" s="75">
        <v>73.900000000000006</v>
      </c>
      <c r="Y67" s="76">
        <v>0.53157993772949064</v>
      </c>
      <c r="Z67" s="295">
        <v>0.22784727349514175</v>
      </c>
      <c r="AA67" s="296">
        <v>9.0471968192979112E-3</v>
      </c>
      <c r="AB67" s="297">
        <v>0.54810613424163757</v>
      </c>
      <c r="AC67" s="296">
        <v>1.0732674611188835E-2</v>
      </c>
      <c r="AD67" s="74">
        <v>8608</v>
      </c>
      <c r="AE67" s="75">
        <v>79.900000000000006</v>
      </c>
      <c r="AF67" s="76">
        <v>0.41785688438405927</v>
      </c>
      <c r="AG67" s="295">
        <v>0.13214380541779616</v>
      </c>
      <c r="AH67" s="296">
        <v>7.3023576826835492E-3</v>
      </c>
      <c r="AI67" s="297">
        <v>0.65143159250061433</v>
      </c>
      <c r="AJ67" s="296">
        <v>1.0270149607307251E-2</v>
      </c>
      <c r="AK67" s="74">
        <v>8599</v>
      </c>
      <c r="AL67" s="75">
        <v>67.904732219742087</v>
      </c>
      <c r="AM67" s="76">
        <v>0.52990660255985966</v>
      </c>
      <c r="AN67" s="295">
        <v>0.30692797835391811</v>
      </c>
      <c r="AO67" s="296">
        <v>9.9459857142682826E-3</v>
      </c>
      <c r="AP67" s="297">
        <v>0.4177179721608541</v>
      </c>
      <c r="AQ67" s="296">
        <v>1.0634545333156572E-2</v>
      </c>
      <c r="AR67" s="74">
        <v>8596</v>
      </c>
      <c r="AS67" s="75">
        <v>66.794773861409993</v>
      </c>
      <c r="AT67" s="76">
        <v>0.55093223520780721</v>
      </c>
      <c r="AU67" s="295">
        <v>0.33223827389589</v>
      </c>
      <c r="AV67" s="296">
        <v>1.0158789930415715E-2</v>
      </c>
      <c r="AW67" s="297">
        <v>0.42084903614586078</v>
      </c>
      <c r="AX67" s="296">
        <v>1.0647435576317366E-2</v>
      </c>
    </row>
    <row r="68" spans="1:50" s="5" customFormat="1">
      <c r="A68" s="53" t="s">
        <v>437</v>
      </c>
      <c r="B68" s="54">
        <v>1969</v>
      </c>
      <c r="C68" s="55">
        <v>69.8</v>
      </c>
      <c r="D68" s="56">
        <v>0.98</v>
      </c>
      <c r="E68" s="291">
        <v>0.27200000000000002</v>
      </c>
      <c r="F68" s="298">
        <v>2.0046907378907096E-2</v>
      </c>
      <c r="G68" s="291">
        <v>0.39700000000000002</v>
      </c>
      <c r="H68" s="298">
        <v>2.2032274769443777E-2</v>
      </c>
      <c r="I68" s="54">
        <v>1969</v>
      </c>
      <c r="J68" s="55">
        <v>67.099999999999994</v>
      </c>
      <c r="K68" s="56">
        <v>0.98</v>
      </c>
      <c r="L68" s="291">
        <v>0.29499999999999998</v>
      </c>
      <c r="M68" s="298">
        <v>2.054232907135875E-2</v>
      </c>
      <c r="N68" s="291">
        <v>0.33600000000000002</v>
      </c>
      <c r="O68" s="298">
        <v>2.1272872760411617E-2</v>
      </c>
      <c r="P68" s="54">
        <v>1965</v>
      </c>
      <c r="Q68" s="55">
        <v>63.7</v>
      </c>
      <c r="R68" s="56">
        <v>0.98</v>
      </c>
      <c r="S68" s="291">
        <v>0.36199999999999999</v>
      </c>
      <c r="T68" s="298">
        <v>2.1664288239265389E-2</v>
      </c>
      <c r="U68" s="291">
        <v>0.29599999999999999</v>
      </c>
      <c r="V68" s="298">
        <v>2.0583312508429628E-2</v>
      </c>
      <c r="W68" s="54">
        <v>1964</v>
      </c>
      <c r="X68" s="55">
        <v>69.599999999999994</v>
      </c>
      <c r="Y68" s="56">
        <v>1.1759999999999999</v>
      </c>
      <c r="Z68" s="291">
        <v>0.28299999999999997</v>
      </c>
      <c r="AA68" s="298">
        <v>2.0317711453690449E-2</v>
      </c>
      <c r="AB68" s="291">
        <v>0.42499999999999999</v>
      </c>
      <c r="AC68" s="298">
        <v>2.2287745120421008E-2</v>
      </c>
      <c r="AD68" s="54">
        <v>1970</v>
      </c>
      <c r="AE68" s="55">
        <v>72.900000000000006</v>
      </c>
      <c r="AF68" s="56">
        <v>0.98</v>
      </c>
      <c r="AG68" s="291">
        <v>0.22900000000000001</v>
      </c>
      <c r="AH68" s="298">
        <v>1.8930702384304169E-2</v>
      </c>
      <c r="AI68" s="291">
        <v>0.47899999999999998</v>
      </c>
      <c r="AJ68" s="298">
        <v>2.2487676932628646E-2</v>
      </c>
      <c r="AK68" s="54">
        <v>1968</v>
      </c>
      <c r="AL68" s="55">
        <v>61.6</v>
      </c>
      <c r="AM68" s="56">
        <v>0.98</v>
      </c>
      <c r="AN68" s="291">
        <v>0.40699999999999997</v>
      </c>
      <c r="AO68" s="298">
        <v>2.2127514085083181E-2</v>
      </c>
      <c r="AP68" s="291">
        <v>0.252</v>
      </c>
      <c r="AQ68" s="298">
        <v>1.9566563776093275E-2</v>
      </c>
      <c r="AR68" s="54">
        <v>1965</v>
      </c>
      <c r="AS68" s="55">
        <v>63.4</v>
      </c>
      <c r="AT68" s="56">
        <v>1.1759999999999999</v>
      </c>
      <c r="AU68" s="291">
        <v>0.377</v>
      </c>
      <c r="AV68" s="298">
        <v>2.1846335609011686E-2</v>
      </c>
      <c r="AW68" s="291">
        <v>0.30399999999999999</v>
      </c>
      <c r="AX68" s="298">
        <v>2.0739988669619021E-2</v>
      </c>
    </row>
    <row r="69" spans="1:50" s="5" customFormat="1">
      <c r="A69" s="49" t="s">
        <v>438</v>
      </c>
      <c r="B69" s="74">
        <v>99</v>
      </c>
      <c r="C69" s="75">
        <v>71.183849093355349</v>
      </c>
      <c r="D69" s="76">
        <v>4.0571999999999999</v>
      </c>
      <c r="E69" s="295">
        <v>0.16747595059905049</v>
      </c>
      <c r="F69" s="296">
        <v>7.5774097598319434E-2</v>
      </c>
      <c r="G69" s="297">
        <v>0.3233402738512885</v>
      </c>
      <c r="H69" s="296">
        <v>9.2677171645371079E-2</v>
      </c>
      <c r="I69" s="74">
        <v>99</v>
      </c>
      <c r="J69" s="75">
        <v>66.498905209875844</v>
      </c>
      <c r="K69" s="76">
        <v>4.3512000000000004</v>
      </c>
      <c r="L69" s="295">
        <v>0.27786804280098581</v>
      </c>
      <c r="M69" s="296">
        <v>8.909805067286039E-2</v>
      </c>
      <c r="N69" s="297">
        <v>0.31490755542722321</v>
      </c>
      <c r="O69" s="296">
        <v>9.20848128612589E-2</v>
      </c>
      <c r="P69" s="74">
        <v>98</v>
      </c>
      <c r="Q69" s="75">
        <v>65.477862723506831</v>
      </c>
      <c r="R69" s="76">
        <v>4.2923999999999998</v>
      </c>
      <c r="S69" s="295">
        <v>0.30682550429937389</v>
      </c>
      <c r="T69" s="296">
        <v>9.1940518242480479E-2</v>
      </c>
      <c r="U69" s="297">
        <v>0.25907543640578662</v>
      </c>
      <c r="V69" s="296">
        <v>8.7764973749230688E-2</v>
      </c>
      <c r="W69" s="74">
        <v>99</v>
      </c>
      <c r="X69" s="75">
        <v>67.277937032107616</v>
      </c>
      <c r="Y69" s="76">
        <v>4.9391999999999996</v>
      </c>
      <c r="Z69" s="295">
        <v>0.31596485357573123</v>
      </c>
      <c r="AA69" s="296">
        <v>9.2160809696662932E-2</v>
      </c>
      <c r="AB69" s="297">
        <v>0.45134643865066959</v>
      </c>
      <c r="AC69" s="296">
        <v>9.8101021580097869E-2</v>
      </c>
      <c r="AD69" s="74">
        <v>99</v>
      </c>
      <c r="AE69" s="75">
        <v>61.614826836368046</v>
      </c>
      <c r="AF69" s="76">
        <v>5.2136000000000005</v>
      </c>
      <c r="AG69" s="295">
        <v>0.37918810335187292</v>
      </c>
      <c r="AH69" s="296">
        <v>9.5838882908597364E-2</v>
      </c>
      <c r="AI69" s="297">
        <v>0.29216470859413035</v>
      </c>
      <c r="AJ69" s="296">
        <v>9.0327201792900949E-2</v>
      </c>
      <c r="AK69" s="74">
        <v>99</v>
      </c>
      <c r="AL69" s="75">
        <v>63.984676429832071</v>
      </c>
      <c r="AM69" s="76">
        <v>5.0960000000000001</v>
      </c>
      <c r="AN69" s="295">
        <v>0.26971825281306067</v>
      </c>
      <c r="AO69" s="296">
        <v>8.8352592469626595E-2</v>
      </c>
      <c r="AP69" s="297">
        <v>0.25680308626704401</v>
      </c>
      <c r="AQ69" s="296">
        <v>8.7102178125934002E-2</v>
      </c>
      <c r="AR69" s="74">
        <v>99</v>
      </c>
      <c r="AS69" s="75">
        <v>63.041549969520247</v>
      </c>
      <c r="AT69" s="76">
        <v>4.9783999999999997</v>
      </c>
      <c r="AU69" s="295">
        <v>0.39290544879142947</v>
      </c>
      <c r="AV69" s="296">
        <v>9.6422266031364556E-2</v>
      </c>
      <c r="AW69" s="297">
        <v>0.30077552953809866</v>
      </c>
      <c r="AX69" s="296">
        <v>9.10206420373873E-2</v>
      </c>
    </row>
    <row r="70" spans="1:50" s="5" customFormat="1">
      <c r="A70" s="53" t="s">
        <v>439</v>
      </c>
      <c r="B70" s="54">
        <v>680</v>
      </c>
      <c r="C70" s="55">
        <v>75.820665727948452</v>
      </c>
      <c r="D70" s="56">
        <v>1.5287999999999999</v>
      </c>
      <c r="E70" s="291">
        <v>0.145716582111941</v>
      </c>
      <c r="F70" s="298">
        <v>2.71391259999668E-2</v>
      </c>
      <c r="G70" s="291">
        <v>0.54114386902851175</v>
      </c>
      <c r="H70" s="298">
        <v>3.810779748529973E-2</v>
      </c>
      <c r="I70" s="54">
        <v>677</v>
      </c>
      <c r="J70" s="55">
        <v>66.877796371242027</v>
      </c>
      <c r="K70" s="56">
        <v>1.8228</v>
      </c>
      <c r="L70" s="291">
        <v>0.31485245091570152</v>
      </c>
      <c r="M70" s="298">
        <v>3.5629180057818316E-2</v>
      </c>
      <c r="N70" s="291">
        <v>0.42448453531557134</v>
      </c>
      <c r="O70" s="298">
        <v>3.7885693181915175E-2</v>
      </c>
      <c r="P70" s="54">
        <v>676</v>
      </c>
      <c r="Q70" s="55">
        <v>67.007178814210562</v>
      </c>
      <c r="R70" s="56">
        <v>1.8423999999999998</v>
      </c>
      <c r="S70" s="291">
        <v>0.30320983903015353</v>
      </c>
      <c r="T70" s="298">
        <v>3.5291050094867979E-2</v>
      </c>
      <c r="U70" s="291">
        <v>0.40078429233036211</v>
      </c>
      <c r="V70" s="298">
        <v>3.7594720502230547E-2</v>
      </c>
      <c r="W70" s="54">
        <v>676</v>
      </c>
      <c r="X70" s="55">
        <v>73.805921474021076</v>
      </c>
      <c r="Y70" s="56">
        <v>1.8423999999999998</v>
      </c>
      <c r="Z70" s="291">
        <v>0.21591432683747352</v>
      </c>
      <c r="AA70" s="298">
        <v>3.1645276987716235E-2</v>
      </c>
      <c r="AB70" s="291">
        <v>0.53200959360444411</v>
      </c>
      <c r="AC70" s="298">
        <v>3.8270508131306689E-2</v>
      </c>
      <c r="AD70" s="54">
        <v>679</v>
      </c>
      <c r="AE70" s="55">
        <v>82.082806182058562</v>
      </c>
      <c r="AF70" s="56">
        <v>1.3719999999999999</v>
      </c>
      <c r="AG70" s="291">
        <v>0.10519147889103542</v>
      </c>
      <c r="AH70" s="298">
        <v>2.3704703541027435E-2</v>
      </c>
      <c r="AI70" s="291">
        <v>0.69724007927429255</v>
      </c>
      <c r="AJ70" s="298">
        <v>3.5198720229620131E-2</v>
      </c>
      <c r="AK70" s="54">
        <v>678</v>
      </c>
      <c r="AL70" s="55">
        <v>65.456017461908374</v>
      </c>
      <c r="AM70" s="56">
        <v>1.8423999999999998</v>
      </c>
      <c r="AN70" s="291">
        <v>0.35783785356180198</v>
      </c>
      <c r="AO70" s="298">
        <v>3.6730475671736609E-2</v>
      </c>
      <c r="AP70" s="291">
        <v>0.36162993964999884</v>
      </c>
      <c r="AQ70" s="298">
        <v>3.6814320296198487E-2</v>
      </c>
      <c r="AR70" s="54">
        <v>675</v>
      </c>
      <c r="AS70" s="55">
        <v>68.428724499760037</v>
      </c>
      <c r="AT70" s="56">
        <v>1.8619999999999999</v>
      </c>
      <c r="AU70" s="291">
        <v>0.31495652744512009</v>
      </c>
      <c r="AV70" s="298">
        <v>3.5684854817504046E-2</v>
      </c>
      <c r="AW70" s="291">
        <v>0.44267335847357775</v>
      </c>
      <c r="AX70" s="298">
        <v>3.8126389450043187E-2</v>
      </c>
    </row>
    <row r="71" spans="1:50" s="5" customFormat="1">
      <c r="A71" s="49" t="s">
        <v>440</v>
      </c>
      <c r="B71" s="74">
        <v>292</v>
      </c>
      <c r="C71" s="75">
        <v>80.302494787504628</v>
      </c>
      <c r="D71" s="76">
        <v>1.9012</v>
      </c>
      <c r="E71" s="295">
        <v>7.3966338635897647E-2</v>
      </c>
      <c r="F71" s="296">
        <v>3.1487386107505289E-2</v>
      </c>
      <c r="G71" s="297">
        <v>0.66010376101458512</v>
      </c>
      <c r="H71" s="296">
        <v>5.5147822758935656E-2</v>
      </c>
      <c r="I71" s="74">
        <v>291</v>
      </c>
      <c r="J71" s="75">
        <v>69.341749104728365</v>
      </c>
      <c r="K71" s="76">
        <v>2.7047999999999996</v>
      </c>
      <c r="L71" s="295">
        <v>0.26565804452024616</v>
      </c>
      <c r="M71" s="296">
        <v>5.1626166386573961E-2</v>
      </c>
      <c r="N71" s="297">
        <v>0.45996948851731839</v>
      </c>
      <c r="O71" s="296">
        <v>5.8040397338090612E-2</v>
      </c>
      <c r="P71" s="74">
        <v>292</v>
      </c>
      <c r="Q71" s="75">
        <v>70.231419687220892</v>
      </c>
      <c r="R71" s="76">
        <v>2.5872000000000002</v>
      </c>
      <c r="S71" s="295">
        <v>0.2229591842085982</v>
      </c>
      <c r="T71" s="296">
        <v>4.867275423012201E-2</v>
      </c>
      <c r="U71" s="297">
        <v>0.45095866991480743</v>
      </c>
      <c r="V71" s="296">
        <v>5.7851103163079849E-2</v>
      </c>
      <c r="W71" s="74">
        <v>291</v>
      </c>
      <c r="X71" s="75">
        <v>77.060392339611468</v>
      </c>
      <c r="Y71" s="76">
        <v>2.6068000000000002</v>
      </c>
      <c r="Z71" s="295">
        <v>0.14499267754115291</v>
      </c>
      <c r="AA71" s="296">
        <v>4.1556887340387698E-2</v>
      </c>
      <c r="AB71" s="297">
        <v>0.6005478868454418</v>
      </c>
      <c r="AC71" s="296">
        <v>5.7065223446721464E-2</v>
      </c>
      <c r="AD71" s="74">
        <v>292</v>
      </c>
      <c r="AE71" s="75">
        <v>84.434287514450887</v>
      </c>
      <c r="AF71" s="76">
        <v>1.9012</v>
      </c>
      <c r="AG71" s="295">
        <v>5.9905382225827884E-2</v>
      </c>
      <c r="AH71" s="296">
        <v>2.8832236315207104E-2</v>
      </c>
      <c r="AI71" s="297">
        <v>0.76533213776236475</v>
      </c>
      <c r="AJ71" s="296">
        <v>4.9523231508026698E-2</v>
      </c>
      <c r="AK71" s="74">
        <v>293</v>
      </c>
      <c r="AL71" s="75">
        <v>70.263527956419125</v>
      </c>
      <c r="AM71" s="76">
        <v>2.5676000000000001</v>
      </c>
      <c r="AN71" s="295">
        <v>0.27199893142516851</v>
      </c>
      <c r="AO71" s="296">
        <v>5.1822844948503533E-2</v>
      </c>
      <c r="AP71" s="297">
        <v>0.44846006475796452</v>
      </c>
      <c r="AQ71" s="296">
        <v>5.7725077577230124E-2</v>
      </c>
      <c r="AR71" s="74">
        <v>292</v>
      </c>
      <c r="AS71" s="75">
        <v>71.302414651860033</v>
      </c>
      <c r="AT71" s="76">
        <v>2.6264000000000003</v>
      </c>
      <c r="AU71" s="295">
        <v>0.25088421233837771</v>
      </c>
      <c r="AV71" s="296">
        <v>5.0618772956247331E-2</v>
      </c>
      <c r="AW71" s="297">
        <v>0.52467713511487712</v>
      </c>
      <c r="AX71" s="296">
        <v>5.8054888543657181E-2</v>
      </c>
    </row>
    <row r="72" spans="1:50" s="5" customFormat="1">
      <c r="A72" s="53" t="s">
        <v>441</v>
      </c>
      <c r="B72" s="54">
        <v>83</v>
      </c>
      <c r="C72" s="55">
        <v>74.642299453788638</v>
      </c>
      <c r="D72" s="56">
        <v>4.5667999999999997</v>
      </c>
      <c r="E72" s="291">
        <v>0.15979066066276074</v>
      </c>
      <c r="F72" s="298">
        <v>8.1552724095081491E-2</v>
      </c>
      <c r="G72" s="291">
        <v>0.52120373836892708</v>
      </c>
      <c r="H72" s="298">
        <v>0.1071234744597326</v>
      </c>
      <c r="I72" s="54">
        <v>82</v>
      </c>
      <c r="J72" s="55">
        <v>64.545676402549006</v>
      </c>
      <c r="K72" s="56">
        <v>5.4683999999999999</v>
      </c>
      <c r="L72" s="291">
        <v>0.40362782811502335</v>
      </c>
      <c r="M72" s="298">
        <v>0.1059961110983276</v>
      </c>
      <c r="N72" s="291">
        <v>0.44386091889501927</v>
      </c>
      <c r="O72" s="298">
        <v>0.10721305833895806</v>
      </c>
      <c r="P72" s="54">
        <v>81</v>
      </c>
      <c r="Q72" s="55">
        <v>62.519539956034819</v>
      </c>
      <c r="R72" s="56">
        <v>5.9779999999999998</v>
      </c>
      <c r="S72" s="291">
        <v>0.4609342946812327</v>
      </c>
      <c r="T72" s="298">
        <v>0.10816417297602093</v>
      </c>
      <c r="U72" s="291">
        <v>0.38663516566465017</v>
      </c>
      <c r="V72" s="298">
        <v>0.10590328886319286</v>
      </c>
      <c r="W72" s="54">
        <v>81</v>
      </c>
      <c r="X72" s="55">
        <v>71.603101923552174</v>
      </c>
      <c r="Y72" s="56">
        <v>5.8015999999999996</v>
      </c>
      <c r="Z72" s="291">
        <v>0.2914574708094505</v>
      </c>
      <c r="AA72" s="298">
        <v>9.9529925434780203E-2</v>
      </c>
      <c r="AB72" s="291">
        <v>0.5451724455098822</v>
      </c>
      <c r="AC72" s="298">
        <v>0.10806250545287518</v>
      </c>
      <c r="AD72" s="54">
        <v>83</v>
      </c>
      <c r="AE72" s="55">
        <v>84.951169632941529</v>
      </c>
      <c r="AF72" s="56">
        <v>4.0571999999999999</v>
      </c>
      <c r="AG72" s="291">
        <v>6.6744152121581551E-2</v>
      </c>
      <c r="AH72" s="298">
        <v>6.0326056224066303E-2</v>
      </c>
      <c r="AI72" s="291">
        <v>0.69720264343324356</v>
      </c>
      <c r="AJ72" s="298">
        <v>9.9332230182201886E-2</v>
      </c>
      <c r="AK72" s="54">
        <v>83</v>
      </c>
      <c r="AL72" s="55">
        <v>59.848131348645076</v>
      </c>
      <c r="AM72" s="56">
        <v>6.37</v>
      </c>
      <c r="AN72" s="291">
        <v>0.421093839263669</v>
      </c>
      <c r="AO72" s="298">
        <v>0.10598919460484306</v>
      </c>
      <c r="AP72" s="291">
        <v>0.28341559102015312</v>
      </c>
      <c r="AQ72" s="298">
        <v>9.7628309297066479E-2</v>
      </c>
      <c r="AR72" s="54">
        <v>81</v>
      </c>
      <c r="AS72" s="55">
        <v>66.544375791274533</v>
      </c>
      <c r="AT72" s="56">
        <v>5.5860000000000003</v>
      </c>
      <c r="AU72" s="291">
        <v>0.388376900906792</v>
      </c>
      <c r="AV72" s="298">
        <v>0.10598232271561808</v>
      </c>
      <c r="AW72" s="291">
        <v>0.40393642130597934</v>
      </c>
      <c r="AX72" s="298">
        <v>0.10663183283488474</v>
      </c>
    </row>
    <row r="73" spans="1:50" s="5" customFormat="1">
      <c r="A73" s="49" t="s">
        <v>442</v>
      </c>
      <c r="B73" s="74">
        <v>154</v>
      </c>
      <c r="C73" s="75">
        <v>69.081099265687826</v>
      </c>
      <c r="D73" s="76">
        <v>3.8220000000000001</v>
      </c>
      <c r="E73" s="295">
        <v>0.24610219170435865</v>
      </c>
      <c r="F73" s="296">
        <v>6.912813114002847E-2</v>
      </c>
      <c r="G73" s="297">
        <v>0.40143729002057449</v>
      </c>
      <c r="H73" s="296">
        <v>7.8073487738528929E-2</v>
      </c>
      <c r="I73" s="74">
        <v>154</v>
      </c>
      <c r="J73" s="75">
        <v>64.739749259973919</v>
      </c>
      <c r="K73" s="76">
        <v>3.8807999999999998</v>
      </c>
      <c r="L73" s="295">
        <v>0.33548418507603273</v>
      </c>
      <c r="M73" s="296">
        <v>7.5353614055271537E-2</v>
      </c>
      <c r="N73" s="297">
        <v>0.35715443935340335</v>
      </c>
      <c r="O73" s="296">
        <v>7.6409162589137783E-2</v>
      </c>
      <c r="P73" s="74">
        <v>152</v>
      </c>
      <c r="Q73" s="75">
        <v>65.003197617868295</v>
      </c>
      <c r="R73" s="76">
        <v>4.1355999999999993</v>
      </c>
      <c r="S73" s="295">
        <v>0.32382622501716657</v>
      </c>
      <c r="T73" s="296">
        <v>7.5197866590993478E-2</v>
      </c>
      <c r="U73" s="297">
        <v>0.35466549036553857</v>
      </c>
      <c r="V73" s="296">
        <v>7.6785946053060938E-2</v>
      </c>
      <c r="W73" s="74">
        <v>154</v>
      </c>
      <c r="X73" s="75">
        <v>69.980385828206579</v>
      </c>
      <c r="Y73" s="76">
        <v>4.2728000000000002</v>
      </c>
      <c r="Z73" s="295">
        <v>0.25328413596459309</v>
      </c>
      <c r="AA73" s="296">
        <v>6.975077344694168E-2</v>
      </c>
      <c r="AB73" s="297">
        <v>0.41905201754256644</v>
      </c>
      <c r="AC73" s="296">
        <v>7.8559016021749334E-2</v>
      </c>
      <c r="AD73" s="74">
        <v>153</v>
      </c>
      <c r="AE73" s="75">
        <v>77.208729373333156</v>
      </c>
      <c r="AF73" s="76">
        <v>3.1752000000000002</v>
      </c>
      <c r="AG73" s="295">
        <v>0.18658254283299236</v>
      </c>
      <c r="AH73" s="296">
        <v>6.3187338632100451E-2</v>
      </c>
      <c r="AI73" s="297">
        <v>0.62128727359720048</v>
      </c>
      <c r="AJ73" s="296">
        <v>7.7546687521735463E-2</v>
      </c>
      <c r="AK73" s="74">
        <v>152</v>
      </c>
      <c r="AL73" s="75">
        <v>59.741165655446935</v>
      </c>
      <c r="AM73" s="76">
        <v>3.92</v>
      </c>
      <c r="AN73" s="295">
        <v>0.46628267988723143</v>
      </c>
      <c r="AO73" s="296">
        <v>7.9891062893053144E-2</v>
      </c>
      <c r="AP73" s="297">
        <v>0.24025958010183535</v>
      </c>
      <c r="AQ73" s="296">
        <v>6.9050391579462994E-2</v>
      </c>
      <c r="AR73" s="74">
        <v>152</v>
      </c>
      <c r="AS73" s="75">
        <v>63.265343165223058</v>
      </c>
      <c r="AT73" s="76">
        <v>4.1159999999999997</v>
      </c>
      <c r="AU73" s="295">
        <v>0.39450994598866279</v>
      </c>
      <c r="AV73" s="296">
        <v>7.8354095437516064E-2</v>
      </c>
      <c r="AW73" s="297">
        <v>0.28619377127538664</v>
      </c>
      <c r="AX73" s="296">
        <v>7.2783680834362041E-2</v>
      </c>
    </row>
    <row r="74" spans="1:50" s="5" customFormat="1">
      <c r="A74" s="53" t="s">
        <v>443</v>
      </c>
      <c r="B74" s="54">
        <v>145</v>
      </c>
      <c r="C74" s="55">
        <v>74.539076908729712</v>
      </c>
      <c r="D74" s="56">
        <v>3.2731999999999997</v>
      </c>
      <c r="E74" s="291">
        <v>0.17674096313796034</v>
      </c>
      <c r="F74" s="298">
        <v>6.3676791044510711E-2</v>
      </c>
      <c r="G74" s="291">
        <v>0.46129674926991288</v>
      </c>
      <c r="H74" s="298">
        <v>8.1690429763142586E-2</v>
      </c>
      <c r="I74" s="54">
        <v>144</v>
      </c>
      <c r="J74" s="55">
        <v>65.299885462068772</v>
      </c>
      <c r="K74" s="56">
        <v>3.9984000000000002</v>
      </c>
      <c r="L74" s="291">
        <v>0.35063272943033275</v>
      </c>
      <c r="M74" s="298">
        <v>7.8650629947181874E-2</v>
      </c>
      <c r="N74" s="291">
        <v>0.41617237113335037</v>
      </c>
      <c r="O74" s="298">
        <v>8.1098478230453075E-2</v>
      </c>
      <c r="P74" s="54">
        <v>145</v>
      </c>
      <c r="Q74" s="55">
        <v>64.72005544664033</v>
      </c>
      <c r="R74" s="56">
        <v>3.9003999999999999</v>
      </c>
      <c r="S74" s="291">
        <v>0.36961213958700112</v>
      </c>
      <c r="T74" s="298">
        <v>7.9241294653623076E-2</v>
      </c>
      <c r="U74" s="291">
        <v>0.35629387015326103</v>
      </c>
      <c r="V74" s="298">
        <v>7.8653512150088145E-2</v>
      </c>
      <c r="W74" s="54">
        <v>144</v>
      </c>
      <c r="X74" s="55">
        <v>72.33778954193501</v>
      </c>
      <c r="Y74" s="56">
        <v>3.7827999999999999</v>
      </c>
      <c r="Z74" s="291">
        <v>0.2838108528344338</v>
      </c>
      <c r="AA74" s="298">
        <v>7.4571655601002415E-2</v>
      </c>
      <c r="AB74" s="291">
        <v>0.50895323682453464</v>
      </c>
      <c r="AC74" s="298">
        <v>8.2187017123213954E-2</v>
      </c>
      <c r="AD74" s="54">
        <v>145</v>
      </c>
      <c r="AE74" s="55">
        <v>81.15379919409142</v>
      </c>
      <c r="AF74" s="56">
        <v>3.0575999999999999</v>
      </c>
      <c r="AG74" s="291">
        <v>0.12874052302707994</v>
      </c>
      <c r="AH74" s="298">
        <v>5.6631986931199696E-2</v>
      </c>
      <c r="AI74" s="291">
        <v>0.64239744587927916</v>
      </c>
      <c r="AJ74" s="298">
        <v>7.871400167513401E-2</v>
      </c>
      <c r="AK74" s="54">
        <v>144</v>
      </c>
      <c r="AL74" s="55">
        <v>64.328251591901335</v>
      </c>
      <c r="AM74" s="56">
        <v>4.1355999999999993</v>
      </c>
      <c r="AN74" s="291">
        <v>0.38758374454202071</v>
      </c>
      <c r="AO74" s="298">
        <v>8.0208589192050511E-2</v>
      </c>
      <c r="AP74" s="291">
        <v>0.34958783663925636</v>
      </c>
      <c r="AQ74" s="298">
        <v>7.8599663784976459E-2</v>
      </c>
      <c r="AR74" s="54">
        <v>144</v>
      </c>
      <c r="AS74" s="55">
        <v>68.882031288561478</v>
      </c>
      <c r="AT74" s="56">
        <v>4.1355999999999993</v>
      </c>
      <c r="AU74" s="291">
        <v>0.32783373625863926</v>
      </c>
      <c r="AV74" s="298">
        <v>7.7449086001737874E-2</v>
      </c>
      <c r="AW74" s="291">
        <v>0.45866157607655061</v>
      </c>
      <c r="AX74" s="298">
        <v>8.1933106786812246E-2</v>
      </c>
    </row>
    <row r="75" spans="1:50" s="5" customFormat="1">
      <c r="A75" s="49" t="s">
        <v>444</v>
      </c>
      <c r="B75" s="74">
        <v>754</v>
      </c>
      <c r="C75" s="75">
        <v>71.96445370781197</v>
      </c>
      <c r="D75" s="76">
        <v>1.4503999999999999</v>
      </c>
      <c r="E75" s="295">
        <v>0.19605300257339961</v>
      </c>
      <c r="F75" s="296">
        <v>2.8928870716661333E-2</v>
      </c>
      <c r="G75" s="297">
        <v>0.44278632071611773</v>
      </c>
      <c r="H75" s="296">
        <v>3.6085580742352172E-2</v>
      </c>
      <c r="I75" s="74">
        <v>751</v>
      </c>
      <c r="J75" s="75">
        <v>68.262770767715736</v>
      </c>
      <c r="K75" s="76">
        <v>1.4896</v>
      </c>
      <c r="L75" s="295">
        <v>0.24657552445989198</v>
      </c>
      <c r="M75" s="296">
        <v>3.142991794690643E-2</v>
      </c>
      <c r="N75" s="297">
        <v>0.36075346466900138</v>
      </c>
      <c r="O75" s="296">
        <v>3.4969452011727464E-2</v>
      </c>
      <c r="P75" s="74">
        <v>749</v>
      </c>
      <c r="Q75" s="75">
        <v>65.518569223305818</v>
      </c>
      <c r="R75" s="76">
        <v>1.6463999999999999</v>
      </c>
      <c r="S75" s="295">
        <v>0.34844568483516475</v>
      </c>
      <c r="T75" s="296">
        <v>3.474625644293932E-2</v>
      </c>
      <c r="U75" s="297">
        <v>0.34689834660803293</v>
      </c>
      <c r="V75" s="296">
        <v>3.4710585169547108E-2</v>
      </c>
      <c r="W75" s="74">
        <v>753</v>
      </c>
      <c r="X75" s="75">
        <v>71.982305931537852</v>
      </c>
      <c r="Y75" s="76">
        <v>1.7247999999999999</v>
      </c>
      <c r="Z75" s="295">
        <v>0.23568323705261882</v>
      </c>
      <c r="AA75" s="296">
        <v>3.0914978332505574E-2</v>
      </c>
      <c r="AB75" s="297">
        <v>0.49528488297755735</v>
      </c>
      <c r="AC75" s="296">
        <v>3.6344019112438536E-2</v>
      </c>
      <c r="AD75" s="74">
        <v>754</v>
      </c>
      <c r="AE75" s="75">
        <v>74.483765500275453</v>
      </c>
      <c r="AF75" s="76">
        <v>1.47</v>
      </c>
      <c r="AG75" s="295">
        <v>0.20158418311224263</v>
      </c>
      <c r="AH75" s="296">
        <v>2.9228007601823723E-2</v>
      </c>
      <c r="AI75" s="297">
        <v>0.51754040364853193</v>
      </c>
      <c r="AJ75" s="296">
        <v>3.6299514290873004E-2</v>
      </c>
      <c r="AK75" s="74">
        <v>750</v>
      </c>
      <c r="AL75" s="75">
        <v>67.075800734872914</v>
      </c>
      <c r="AM75" s="76">
        <v>1.764</v>
      </c>
      <c r="AN75" s="295">
        <v>0.34683333944173228</v>
      </c>
      <c r="AO75" s="296">
        <v>3.468602838982357E-2</v>
      </c>
      <c r="AP75" s="297">
        <v>0.38673739148486791</v>
      </c>
      <c r="AQ75" s="296">
        <v>3.5481330766807838E-2</v>
      </c>
      <c r="AR75" s="74">
        <v>750</v>
      </c>
      <c r="AS75" s="75">
        <v>63.853387383413157</v>
      </c>
      <c r="AT75" s="76">
        <v>1.8032000000000001</v>
      </c>
      <c r="AU75" s="295">
        <v>0.38608983144442655</v>
      </c>
      <c r="AV75" s="296">
        <v>3.5470447944912331E-2</v>
      </c>
      <c r="AW75" s="297">
        <v>0.33536108804185272</v>
      </c>
      <c r="AX75" s="296">
        <v>3.4409059192566635E-2</v>
      </c>
    </row>
    <row r="76" spans="1:50" s="5" customFormat="1">
      <c r="A76" s="45" t="s">
        <v>445</v>
      </c>
      <c r="B76" s="71">
        <v>544</v>
      </c>
      <c r="C76" s="72">
        <v>75.22</v>
      </c>
      <c r="D76" s="73">
        <v>1.5680000000000001</v>
      </c>
      <c r="E76" s="292">
        <v>0.14499999999999999</v>
      </c>
      <c r="F76" s="293">
        <v>3.0303581548897202E-2</v>
      </c>
      <c r="G76" s="294">
        <v>0.50900000000000001</v>
      </c>
      <c r="H76" s="293">
        <v>4.2711062701892587E-2</v>
      </c>
      <c r="I76" s="71">
        <v>542</v>
      </c>
      <c r="J76" s="72">
        <v>71.510000000000005</v>
      </c>
      <c r="K76" s="73">
        <v>1.764</v>
      </c>
      <c r="L76" s="292">
        <v>0.191</v>
      </c>
      <c r="M76" s="293">
        <v>3.3796727468981082E-2</v>
      </c>
      <c r="N76" s="294">
        <v>0.433</v>
      </c>
      <c r="O76" s="293">
        <v>4.2415745570351659E-2</v>
      </c>
      <c r="P76" s="71">
        <v>540</v>
      </c>
      <c r="Q76" s="72">
        <v>68.8</v>
      </c>
      <c r="R76" s="73">
        <v>1.96</v>
      </c>
      <c r="S76" s="292">
        <v>0.25700000000000001</v>
      </c>
      <c r="T76" s="293">
        <v>3.7555466344397603E-2</v>
      </c>
      <c r="U76" s="294">
        <v>0.42699999999999999</v>
      </c>
      <c r="V76" s="293">
        <v>4.2421994116078839E-2</v>
      </c>
      <c r="W76" s="71">
        <v>544</v>
      </c>
      <c r="X76" s="72">
        <v>75.69</v>
      </c>
      <c r="Y76" s="73">
        <v>1.96</v>
      </c>
      <c r="Z76" s="292">
        <v>0.19600000000000001</v>
      </c>
      <c r="AA76" s="293">
        <v>3.4059652995981432E-2</v>
      </c>
      <c r="AB76" s="294">
        <v>0.59</v>
      </c>
      <c r="AC76" s="293">
        <v>4.2030386697372323E-2</v>
      </c>
      <c r="AD76" s="71">
        <v>545</v>
      </c>
      <c r="AE76" s="72">
        <v>78.28</v>
      </c>
      <c r="AF76" s="73">
        <v>1.5680000000000001</v>
      </c>
      <c r="AG76" s="292">
        <v>0.13100000000000001</v>
      </c>
      <c r="AH76" s="293">
        <v>2.9048781656441914E-2</v>
      </c>
      <c r="AI76" s="294">
        <v>0.59499999999999997</v>
      </c>
      <c r="AJ76" s="293">
        <v>4.1912914550858493E-2</v>
      </c>
      <c r="AK76" s="71">
        <v>542</v>
      </c>
      <c r="AL76" s="72">
        <v>71.38</v>
      </c>
      <c r="AM76" s="73">
        <v>2.1560000000000001</v>
      </c>
      <c r="AN76" s="292">
        <v>0.254</v>
      </c>
      <c r="AO76" s="293">
        <v>3.7344788280756498E-2</v>
      </c>
      <c r="AP76" s="294">
        <v>0.49099999999999999</v>
      </c>
      <c r="AQ76" s="293">
        <v>4.2789216955468667E-2</v>
      </c>
      <c r="AR76" s="71">
        <v>541</v>
      </c>
      <c r="AS76" s="72">
        <v>65.42</v>
      </c>
      <c r="AT76" s="73">
        <v>2.1560000000000001</v>
      </c>
      <c r="AU76" s="292">
        <v>0.36199999999999999</v>
      </c>
      <c r="AV76" s="293">
        <v>4.1196287273801549E-2</v>
      </c>
      <c r="AW76" s="294">
        <v>0.38200000000000001</v>
      </c>
      <c r="AX76" s="293">
        <v>4.164327661975261E-2</v>
      </c>
    </row>
    <row r="77" spans="1:50" ht="25.5">
      <c r="A77" s="49" t="s">
        <v>450</v>
      </c>
      <c r="B77" s="74">
        <v>136</v>
      </c>
      <c r="C77" s="75">
        <v>74.158863289078127</v>
      </c>
      <c r="D77" s="76">
        <v>3.5672000000000001</v>
      </c>
      <c r="E77" s="295">
        <v>0.13410034589657802</v>
      </c>
      <c r="F77" s="296">
        <v>5.943990556259298E-2</v>
      </c>
      <c r="G77" s="297">
        <v>0.49602554157193274</v>
      </c>
      <c r="H77" s="296">
        <v>8.4512905765433105E-2</v>
      </c>
      <c r="I77" s="74">
        <v>136</v>
      </c>
      <c r="J77" s="75">
        <v>69.783459072082124</v>
      </c>
      <c r="K77" s="76">
        <v>3.3123999999999998</v>
      </c>
      <c r="L77" s="295">
        <v>0.1829062657615961</v>
      </c>
      <c r="M77" s="296">
        <v>6.6572218204127745E-2</v>
      </c>
      <c r="N77" s="297">
        <v>0.36527784305392474</v>
      </c>
      <c r="O77" s="296">
        <v>8.1568948979008779E-2</v>
      </c>
      <c r="P77" s="74">
        <v>134</v>
      </c>
      <c r="Q77" s="75">
        <v>66.710328086345683</v>
      </c>
      <c r="R77" s="76">
        <v>3.8024</v>
      </c>
      <c r="S77" s="295">
        <v>0.31140701098485873</v>
      </c>
      <c r="T77" s="296">
        <v>7.9210721649178431E-2</v>
      </c>
      <c r="U77" s="297">
        <v>0.36338014997040469</v>
      </c>
      <c r="V77" s="296">
        <v>8.2074791454932697E-2</v>
      </c>
      <c r="W77" s="74">
        <v>135</v>
      </c>
      <c r="X77" s="75">
        <v>73.039793129055013</v>
      </c>
      <c r="Y77" s="76">
        <v>4.0179999999999998</v>
      </c>
      <c r="Z77" s="295">
        <v>0.19488684395830189</v>
      </c>
      <c r="AA77" s="296">
        <v>6.8317245520263734E-2</v>
      </c>
      <c r="AB77" s="297">
        <v>0.5006377733891344</v>
      </c>
      <c r="AC77" s="296">
        <v>8.4818827881112016E-2</v>
      </c>
      <c r="AD77" s="74">
        <v>136</v>
      </c>
      <c r="AE77" s="75">
        <v>70.782443920453261</v>
      </c>
      <c r="AF77" s="76">
        <v>3.9984000000000002</v>
      </c>
      <c r="AG77" s="295">
        <v>0.29615238815406247</v>
      </c>
      <c r="AH77" s="296">
        <v>7.7604627123518538E-2</v>
      </c>
      <c r="AI77" s="297">
        <v>0.46460681117934843</v>
      </c>
      <c r="AJ77" s="296">
        <v>8.4315374158215176E-2</v>
      </c>
      <c r="AK77" s="74">
        <v>133</v>
      </c>
      <c r="AL77" s="75">
        <v>68.231415332064572</v>
      </c>
      <c r="AM77" s="76">
        <v>3.7631999999999999</v>
      </c>
      <c r="AN77" s="295">
        <v>0.31543925930280953</v>
      </c>
      <c r="AO77" s="296">
        <v>7.9761937111930983E-2</v>
      </c>
      <c r="AP77" s="297">
        <v>0.38250691829704758</v>
      </c>
      <c r="AQ77" s="296">
        <v>8.3182977830556087E-2</v>
      </c>
      <c r="AR77" s="74">
        <v>135</v>
      </c>
      <c r="AS77" s="75">
        <v>64.05640123390684</v>
      </c>
      <c r="AT77" s="76">
        <v>4.3708</v>
      </c>
      <c r="AU77" s="295">
        <v>0.38699515463244594</v>
      </c>
      <c r="AV77" s="296">
        <v>8.2750261243871567E-2</v>
      </c>
      <c r="AW77" s="297">
        <v>0.35124755517977652</v>
      </c>
      <c r="AX77" s="296">
        <v>8.1201038253108482E-2</v>
      </c>
    </row>
    <row r="78" spans="1:50">
      <c r="A78" s="45" t="s">
        <v>447</v>
      </c>
      <c r="B78" s="54">
        <v>182</v>
      </c>
      <c r="C78" s="55">
        <v>77.942040404986301</v>
      </c>
      <c r="D78" s="56">
        <v>2.548</v>
      </c>
      <c r="E78" s="291">
        <v>0.11448078721818213</v>
      </c>
      <c r="F78" s="298">
        <v>4.812588245198051E-2</v>
      </c>
      <c r="G78" s="291">
        <v>0.58329803803291169</v>
      </c>
      <c r="H78" s="298">
        <v>7.2342771406657666E-2</v>
      </c>
      <c r="I78" s="54">
        <v>181</v>
      </c>
      <c r="J78" s="55">
        <v>71.544989205809586</v>
      </c>
      <c r="K78" s="56">
        <v>2.8420000000000001</v>
      </c>
      <c r="L78" s="291">
        <v>0.22662202060805337</v>
      </c>
      <c r="M78" s="298">
        <v>6.2117821474003666E-2</v>
      </c>
      <c r="N78" s="291">
        <v>0.40331252019227259</v>
      </c>
      <c r="O78" s="298">
        <v>7.2193646347475993E-2</v>
      </c>
      <c r="P78" s="54">
        <v>181</v>
      </c>
      <c r="Q78" s="55">
        <v>72.292462373294441</v>
      </c>
      <c r="R78" s="56">
        <v>2.7831999999999999</v>
      </c>
      <c r="S78" s="291">
        <v>0.19315767658197669</v>
      </c>
      <c r="T78" s="298">
        <v>5.8794230255183391E-2</v>
      </c>
      <c r="U78" s="291">
        <v>0.46737549649819621</v>
      </c>
      <c r="V78" s="298">
        <v>7.3371497594594479E-2</v>
      </c>
      <c r="W78" s="54">
        <v>183</v>
      </c>
      <c r="X78" s="55">
        <v>74.22973025680075</v>
      </c>
      <c r="Y78" s="56">
        <v>3.3319999999999999</v>
      </c>
      <c r="Z78" s="291">
        <v>0.22461684932548445</v>
      </c>
      <c r="AA78" s="298">
        <v>6.1596190150413239E-2</v>
      </c>
      <c r="AB78" s="291">
        <v>0.60748151099673042</v>
      </c>
      <c r="AC78" s="298">
        <v>7.1490869848867739E-2</v>
      </c>
      <c r="AD78" s="54">
        <v>183</v>
      </c>
      <c r="AE78" s="55">
        <v>80.708160725190226</v>
      </c>
      <c r="AF78" s="56">
        <v>2.4500000000000002</v>
      </c>
      <c r="AG78" s="291">
        <v>9.931727345912926E-2</v>
      </c>
      <c r="AH78" s="298">
        <v>4.5373836510466441E-2</v>
      </c>
      <c r="AI78" s="291">
        <v>0.63880289777052557</v>
      </c>
      <c r="AJ78" s="298">
        <v>7.0377008383659068E-2</v>
      </c>
      <c r="AK78" s="54">
        <v>183</v>
      </c>
      <c r="AL78" s="55">
        <v>74.490963827818845</v>
      </c>
      <c r="AM78" s="56">
        <v>3.4299999999999997</v>
      </c>
      <c r="AN78" s="291">
        <v>0.19643080468448021</v>
      </c>
      <c r="AO78" s="298">
        <v>5.8820129467299358E-2</v>
      </c>
      <c r="AP78" s="291">
        <v>0.55490895073791946</v>
      </c>
      <c r="AQ78" s="298">
        <v>7.2703722444299596E-2</v>
      </c>
      <c r="AR78" s="54">
        <v>183</v>
      </c>
      <c r="AS78" s="55">
        <v>68.968476874404033</v>
      </c>
      <c r="AT78" s="56">
        <v>3.2927999999999997</v>
      </c>
      <c r="AU78" s="291">
        <v>0.33379988889053447</v>
      </c>
      <c r="AV78" s="298">
        <v>6.9150165156242491E-2</v>
      </c>
      <c r="AW78" s="291">
        <v>0.40189762834901899</v>
      </c>
      <c r="AX78" s="298">
        <v>7.1766592312280067E-2</v>
      </c>
    </row>
    <row r="79" spans="1:50">
      <c r="A79" s="49" t="s">
        <v>446</v>
      </c>
      <c r="B79" s="74">
        <v>117</v>
      </c>
      <c r="C79" s="75">
        <v>78.569554441952235</v>
      </c>
      <c r="D79" s="76">
        <v>3.1360000000000001</v>
      </c>
      <c r="E79" s="295">
        <v>0.10511240157502058</v>
      </c>
      <c r="F79" s="296">
        <v>5.8691857201803914E-2</v>
      </c>
      <c r="G79" s="297">
        <v>0.61267444935388582</v>
      </c>
      <c r="H79" s="296">
        <v>8.8724658772700762E-2</v>
      </c>
      <c r="I79" s="74">
        <v>116</v>
      </c>
      <c r="J79" s="75">
        <v>71.560985591087118</v>
      </c>
      <c r="K79" s="76">
        <v>3.5476000000000001</v>
      </c>
      <c r="L79" s="295">
        <v>0.23093537766910341</v>
      </c>
      <c r="M79" s="296">
        <v>7.7963703947640198E-2</v>
      </c>
      <c r="N79" s="297">
        <v>0.42774342914789026</v>
      </c>
      <c r="O79" s="296">
        <v>9.039197130884441E-2</v>
      </c>
      <c r="P79" s="74">
        <v>115</v>
      </c>
      <c r="Q79" s="75">
        <v>72.792523679131605</v>
      </c>
      <c r="R79" s="76">
        <v>3.6456</v>
      </c>
      <c r="S79" s="295">
        <v>0.18715112794070826</v>
      </c>
      <c r="T79" s="296">
        <v>7.3013131366943526E-2</v>
      </c>
      <c r="U79" s="297">
        <v>0.51318887195370055</v>
      </c>
      <c r="V79" s="296">
        <v>9.1640061510815315E-2</v>
      </c>
      <c r="W79" s="74">
        <v>117</v>
      </c>
      <c r="X79" s="75">
        <v>73.71881905029683</v>
      </c>
      <c r="Y79" s="76">
        <v>4.4687999999999999</v>
      </c>
      <c r="Z79" s="295">
        <v>0.22453160896484309</v>
      </c>
      <c r="AA79" s="296">
        <v>7.6935367540363578E-2</v>
      </c>
      <c r="AB79" s="297">
        <v>0.62774925411439508</v>
      </c>
      <c r="AC79" s="296">
        <v>8.80911048243707E-2</v>
      </c>
      <c r="AD79" s="74">
        <v>117</v>
      </c>
      <c r="AE79" s="75">
        <v>80.037476627723848</v>
      </c>
      <c r="AF79" s="76">
        <v>3.234</v>
      </c>
      <c r="AG79" s="295">
        <v>0.12338290395903996</v>
      </c>
      <c r="AH79" s="296">
        <v>6.2292946106028743E-2</v>
      </c>
      <c r="AI79" s="297">
        <v>0.65100817582603698</v>
      </c>
      <c r="AJ79" s="296">
        <v>8.6946222211461741E-2</v>
      </c>
      <c r="AK79" s="74">
        <v>117</v>
      </c>
      <c r="AL79" s="75">
        <v>73.657875687316945</v>
      </c>
      <c r="AM79" s="76">
        <v>4.41</v>
      </c>
      <c r="AN79" s="295">
        <v>0.20450434247961882</v>
      </c>
      <c r="AO79" s="296">
        <v>7.4603073903188113E-2</v>
      </c>
      <c r="AP79" s="297">
        <v>0.56270037355506286</v>
      </c>
      <c r="AQ79" s="296">
        <v>9.0238305257010515E-2</v>
      </c>
      <c r="AR79" s="74">
        <v>117</v>
      </c>
      <c r="AS79" s="75">
        <v>68.528514488986346</v>
      </c>
      <c r="AT79" s="76">
        <v>4.3904000000000005</v>
      </c>
      <c r="AU79" s="295">
        <v>0.33110075151363794</v>
      </c>
      <c r="AV79" s="296">
        <v>8.59228846518683E-2</v>
      </c>
      <c r="AW79" s="297">
        <v>0.42456568211552687</v>
      </c>
      <c r="AX79" s="296">
        <v>8.9936555368801158E-2</v>
      </c>
    </row>
    <row r="80" spans="1:50">
      <c r="A80" s="57" t="s">
        <v>451</v>
      </c>
      <c r="B80" s="71">
        <v>175</v>
      </c>
      <c r="C80" s="72">
        <v>66.589846684664792</v>
      </c>
      <c r="D80" s="73">
        <v>3.3319999999999999</v>
      </c>
      <c r="E80" s="292">
        <v>0.27583628096693119</v>
      </c>
      <c r="F80" s="293">
        <v>6.7181288390358238E-2</v>
      </c>
      <c r="G80" s="294">
        <v>0.31669376197267401</v>
      </c>
      <c r="H80" s="293">
        <v>6.9777583214472139E-2</v>
      </c>
      <c r="I80" s="71">
        <v>174</v>
      </c>
      <c r="J80" s="72">
        <v>65.083316467234042</v>
      </c>
      <c r="K80" s="73">
        <v>3.1360000000000001</v>
      </c>
      <c r="L80" s="292">
        <v>0.2748164409971568</v>
      </c>
      <c r="M80" s="293">
        <v>6.7298722447040701E-2</v>
      </c>
      <c r="N80" s="294">
        <v>0.23885077862192475</v>
      </c>
      <c r="O80" s="293">
        <v>6.4447830036009651E-2</v>
      </c>
      <c r="P80" s="71">
        <v>174</v>
      </c>
      <c r="Q80" s="72">
        <v>61.261702860483041</v>
      </c>
      <c r="R80" s="73">
        <v>3.5476000000000001</v>
      </c>
      <c r="S80" s="292">
        <v>0.43855364055944995</v>
      </c>
      <c r="T80" s="293">
        <v>7.4410360916130361E-2</v>
      </c>
      <c r="U80" s="294">
        <v>0.21472992791638795</v>
      </c>
      <c r="V80" s="293">
        <v>6.2213365092256272E-2</v>
      </c>
      <c r="W80" s="71">
        <v>174</v>
      </c>
      <c r="X80" s="72">
        <v>68.859782069649739</v>
      </c>
      <c r="Y80" s="73">
        <v>3.6847999999999996</v>
      </c>
      <c r="Z80" s="292">
        <v>0.25803991481519445</v>
      </c>
      <c r="AA80" s="293">
        <v>6.6036587507449604E-2</v>
      </c>
      <c r="AB80" s="294">
        <v>0.3765523038948142</v>
      </c>
      <c r="AC80" s="293">
        <v>7.2737466125632741E-2</v>
      </c>
      <c r="AD80" s="71">
        <v>174</v>
      </c>
      <c r="AE80" s="72">
        <v>68.974826319271315</v>
      </c>
      <c r="AF80" s="73">
        <v>3.2731999999999997</v>
      </c>
      <c r="AG80" s="292">
        <v>0.25966784333459225</v>
      </c>
      <c r="AH80" s="293">
        <v>6.6164116908267484E-2</v>
      </c>
      <c r="AI80" s="294">
        <v>0.3717337867934562</v>
      </c>
      <c r="AJ80" s="293">
        <v>7.2558213138911601E-2</v>
      </c>
      <c r="AK80" s="71">
        <v>173</v>
      </c>
      <c r="AL80" s="72">
        <v>61.427603103697116</v>
      </c>
      <c r="AM80" s="73">
        <v>3.3319999999999999</v>
      </c>
      <c r="AN80" s="292">
        <v>0.43591593126151151</v>
      </c>
      <c r="AO80" s="293">
        <v>7.4572491769819713E-2</v>
      </c>
      <c r="AP80" s="294">
        <v>0.18883723048424947</v>
      </c>
      <c r="AQ80" s="293">
        <v>5.96608930629779E-2</v>
      </c>
      <c r="AR80" s="71">
        <v>174</v>
      </c>
      <c r="AS80" s="72">
        <v>61.547197014419773</v>
      </c>
      <c r="AT80" s="73">
        <v>3.6064000000000003</v>
      </c>
      <c r="AU80" s="292">
        <v>0.39241931140477232</v>
      </c>
      <c r="AV80" s="293">
        <v>7.3276559847481409E-2</v>
      </c>
      <c r="AW80" s="294">
        <v>0.23334424992954109</v>
      </c>
      <c r="AX80" s="293">
        <v>6.3961812176801899E-2</v>
      </c>
    </row>
    <row r="81" spans="1:50">
      <c r="A81" s="49" t="s">
        <v>448</v>
      </c>
      <c r="B81" s="74">
        <v>115</v>
      </c>
      <c r="C81" s="75">
        <v>71.502911561646343</v>
      </c>
      <c r="D81" s="76">
        <v>3.92</v>
      </c>
      <c r="E81" s="295">
        <v>0.20623978356150668</v>
      </c>
      <c r="F81" s="296">
        <v>7.5461333516254475E-2</v>
      </c>
      <c r="G81" s="297">
        <v>0.43883070337425506</v>
      </c>
      <c r="H81" s="296">
        <v>9.1026938715193975E-2</v>
      </c>
      <c r="I81" s="74">
        <v>114</v>
      </c>
      <c r="J81" s="75">
        <v>70.698048244944815</v>
      </c>
      <c r="K81" s="76">
        <v>3.9395999999999995</v>
      </c>
      <c r="L81" s="295">
        <v>0.27442095820239387</v>
      </c>
      <c r="M81" s="296">
        <v>8.2852843810837962E-2</v>
      </c>
      <c r="N81" s="297">
        <v>0.50176051364175023</v>
      </c>
      <c r="O81" s="296">
        <v>9.2056929173198243E-2</v>
      </c>
      <c r="P81" s="74">
        <v>114</v>
      </c>
      <c r="Q81" s="75">
        <v>67.860790156733373</v>
      </c>
      <c r="R81" s="76">
        <v>4.4492000000000003</v>
      </c>
      <c r="S81" s="295">
        <v>0.33967782425798793</v>
      </c>
      <c r="T81" s="296">
        <v>8.7529143694206182E-2</v>
      </c>
      <c r="U81" s="297">
        <v>0.43068205575987856</v>
      </c>
      <c r="V81" s="296">
        <v>9.1228017999533839E-2</v>
      </c>
      <c r="W81" s="74">
        <v>114</v>
      </c>
      <c r="X81" s="75">
        <v>74.197826402324111</v>
      </c>
      <c r="Y81" s="76">
        <v>4.1747999999999994</v>
      </c>
      <c r="Z81" s="295">
        <v>0.21404870575178697</v>
      </c>
      <c r="AA81" s="296">
        <v>7.6730101675056381E-2</v>
      </c>
      <c r="AB81" s="297">
        <v>0.5583349623190067</v>
      </c>
      <c r="AC81" s="296">
        <v>9.1470812520073247E-2</v>
      </c>
      <c r="AD81" s="74">
        <v>114</v>
      </c>
      <c r="AE81" s="75">
        <v>80.619533087662973</v>
      </c>
      <c r="AF81" s="76">
        <v>3.3123999999999998</v>
      </c>
      <c r="AG81" s="295">
        <v>9.2369547650019201E-2</v>
      </c>
      <c r="AH81" s="296">
        <v>5.6721662902730445E-2</v>
      </c>
      <c r="AI81" s="297">
        <v>0.62157115010689135</v>
      </c>
      <c r="AJ81" s="296">
        <v>8.9481647655213631E-2</v>
      </c>
      <c r="AK81" s="74">
        <v>114</v>
      </c>
      <c r="AL81" s="75">
        <v>72.816782511038866</v>
      </c>
      <c r="AM81" s="76">
        <v>4.2139999999999995</v>
      </c>
      <c r="AN81" s="295">
        <v>0.3368733675177098</v>
      </c>
      <c r="AO81" s="296">
        <v>8.7365045957532583E-2</v>
      </c>
      <c r="AP81" s="297">
        <v>0.51396523726903343</v>
      </c>
      <c r="AQ81" s="296">
        <v>9.202394129711633E-2</v>
      </c>
      <c r="AR81" s="74">
        <v>113</v>
      </c>
      <c r="AS81" s="75">
        <v>66.605474125881187</v>
      </c>
      <c r="AT81" s="76">
        <v>4.7431999999999999</v>
      </c>
      <c r="AU81" s="295">
        <v>0.4098626589429244</v>
      </c>
      <c r="AV81" s="296">
        <v>9.1037946661247288E-2</v>
      </c>
      <c r="AW81" s="297">
        <v>0.40905210953490689</v>
      </c>
      <c r="AX81" s="296">
        <v>9.1012234966577704E-2</v>
      </c>
    </row>
    <row r="82" spans="1:50">
      <c r="A82" s="57" t="s">
        <v>449</v>
      </c>
      <c r="B82" s="71">
        <v>137</v>
      </c>
      <c r="C82" s="72">
        <v>75.519600215412723</v>
      </c>
      <c r="D82" s="73">
        <v>3.0575999999999999</v>
      </c>
      <c r="E82" s="292">
        <v>0.17210615894508427</v>
      </c>
      <c r="F82" s="293">
        <v>6.490565085408366E-2</v>
      </c>
      <c r="G82" s="294">
        <v>0.5237968498242217</v>
      </c>
      <c r="H82" s="293">
        <v>8.4125098358479311E-2</v>
      </c>
      <c r="I82" s="71">
        <v>137</v>
      </c>
      <c r="J82" s="72">
        <v>68.69902329148691</v>
      </c>
      <c r="K82" s="73">
        <v>3.5868000000000002</v>
      </c>
      <c r="L82" s="292">
        <v>0.24411986872712677</v>
      </c>
      <c r="M82" s="293">
        <v>7.3066090448411405E-2</v>
      </c>
      <c r="N82" s="294">
        <v>0.48388278110159516</v>
      </c>
      <c r="O82" s="293">
        <v>8.4173876883702509E-2</v>
      </c>
      <c r="P82" s="71">
        <v>137</v>
      </c>
      <c r="Q82" s="72">
        <v>63.41452528872636</v>
      </c>
      <c r="R82" s="73">
        <v>4.0964</v>
      </c>
      <c r="S82" s="292">
        <v>0.38704226562896427</v>
      </c>
      <c r="T82" s="293">
        <v>8.2161270577755838E-2</v>
      </c>
      <c r="U82" s="294">
        <v>0.42951899273727617</v>
      </c>
      <c r="V82" s="293">
        <v>8.342156087249411E-2</v>
      </c>
      <c r="W82" s="71">
        <v>138</v>
      </c>
      <c r="X82" s="72">
        <v>71.737100847820628</v>
      </c>
      <c r="Y82" s="73">
        <v>4.3708</v>
      </c>
      <c r="Z82" s="292">
        <v>0.31912338636073051</v>
      </c>
      <c r="AA82" s="293">
        <v>7.8561156772074647E-2</v>
      </c>
      <c r="AB82" s="294">
        <v>0.57302651655824888</v>
      </c>
      <c r="AC82" s="293">
        <v>8.3068500458752331E-2</v>
      </c>
      <c r="AD82" s="71">
        <v>138</v>
      </c>
      <c r="AE82" s="72">
        <v>81.640620291962279</v>
      </c>
      <c r="AF82" s="73">
        <v>3.0771999999999999</v>
      </c>
      <c r="AG82" s="292">
        <v>0.1340891713453525</v>
      </c>
      <c r="AH82" s="293">
        <v>5.8992996490161417E-2</v>
      </c>
      <c r="AI82" s="294">
        <v>0.76305592911833009</v>
      </c>
      <c r="AJ82" s="293">
        <v>7.2119847887736357E-2</v>
      </c>
      <c r="AK82" s="71">
        <v>138</v>
      </c>
      <c r="AL82" s="72">
        <v>67.697083041161008</v>
      </c>
      <c r="AM82" s="73">
        <v>4.8216000000000001</v>
      </c>
      <c r="AN82" s="292">
        <v>0.31786719446675638</v>
      </c>
      <c r="AO82" s="293">
        <v>7.8483906018590691E-2</v>
      </c>
      <c r="AP82" s="294">
        <v>0.54037091898792011</v>
      </c>
      <c r="AQ82" s="293">
        <v>8.3659389242542667E-2</v>
      </c>
      <c r="AR82" s="71">
        <v>136</v>
      </c>
      <c r="AS82" s="72">
        <v>64.764024902838685</v>
      </c>
      <c r="AT82" s="73">
        <v>4.4492000000000003</v>
      </c>
      <c r="AU82" s="292">
        <v>0.32335611433262934</v>
      </c>
      <c r="AV82" s="293">
        <v>7.9382347426441499E-2</v>
      </c>
      <c r="AW82" s="294">
        <v>0.43927832729122929</v>
      </c>
      <c r="AX82" s="293">
        <v>8.3925232239782252E-2</v>
      </c>
    </row>
    <row r="83" spans="1:50">
      <c r="A83" s="5"/>
      <c r="B83" s="5"/>
      <c r="C83" s="5"/>
      <c r="D83" s="5"/>
      <c r="G83" s="5"/>
      <c r="H83" s="5"/>
      <c r="I83" s="5"/>
      <c r="J83" s="5"/>
      <c r="K83" s="5"/>
      <c r="L83" s="5"/>
      <c r="M83" s="5"/>
      <c r="N83" s="5"/>
      <c r="O83" s="5"/>
      <c r="P83" s="5"/>
      <c r="Q83" s="5"/>
      <c r="R83" s="5"/>
      <c r="S83" s="5"/>
      <c r="T83" s="5"/>
      <c r="U83" s="5"/>
      <c r="V83" s="5"/>
      <c r="W83" s="5"/>
      <c r="X83" s="5"/>
      <c r="Y83" s="5"/>
      <c r="Z83" s="5"/>
      <c r="AA83" s="5"/>
      <c r="AB83" s="5"/>
      <c r="AC83" s="5"/>
      <c r="AD83" s="5"/>
      <c r="AE83" s="5"/>
      <c r="AF83" s="5"/>
      <c r="AG83" s="5"/>
      <c r="AH83" s="5"/>
      <c r="AI83" s="5"/>
      <c r="AJ83" s="5"/>
      <c r="AK83" s="5"/>
      <c r="AL83" s="5"/>
      <c r="AM83" s="5"/>
      <c r="AN83" s="5"/>
      <c r="AO83" s="5"/>
      <c r="AP83" s="5"/>
      <c r="AQ83" s="5"/>
      <c r="AR83" s="5"/>
      <c r="AS83" s="5"/>
      <c r="AT83" s="5"/>
      <c r="AU83" s="5"/>
      <c r="AV83" s="5"/>
      <c r="AW83" s="5"/>
      <c r="AX83" s="5"/>
    </row>
    <row r="84" spans="1:50">
      <c r="A84" s="5"/>
      <c r="B84" s="5"/>
      <c r="C84" s="5"/>
      <c r="D84" s="5"/>
      <c r="G84" s="5"/>
      <c r="H84" s="5"/>
      <c r="I84" s="5"/>
      <c r="J84" s="5"/>
      <c r="K84" s="5"/>
      <c r="L84" s="5"/>
      <c r="M84" s="5"/>
      <c r="N84" s="5"/>
      <c r="O84" s="5"/>
      <c r="P84" s="5"/>
      <c r="Q84" s="5"/>
      <c r="R84" s="5"/>
      <c r="S84" s="5"/>
      <c r="T84" s="5"/>
      <c r="U84" s="5"/>
      <c r="V84" s="5"/>
      <c r="W84" s="5"/>
      <c r="X84" s="5"/>
      <c r="Y84" s="5"/>
      <c r="Z84" s="5"/>
      <c r="AA84" s="5"/>
      <c r="AB84" s="5"/>
      <c r="AC84" s="5"/>
      <c r="AD84" s="5"/>
      <c r="AE84" s="5"/>
      <c r="AF84" s="5"/>
      <c r="AG84" s="5"/>
      <c r="AH84" s="5"/>
      <c r="AI84" s="5"/>
      <c r="AJ84" s="5"/>
      <c r="AK84" s="5"/>
      <c r="AL84" s="5"/>
      <c r="AM84" s="5"/>
      <c r="AN84" s="5"/>
      <c r="AO84" s="5"/>
      <c r="AP84" s="5"/>
      <c r="AQ84" s="5"/>
      <c r="AR84" s="5"/>
      <c r="AS84" s="5"/>
      <c r="AT84" s="5"/>
      <c r="AU84" s="5"/>
      <c r="AV84" s="5"/>
      <c r="AW84" s="5"/>
      <c r="AX84" s="5"/>
    </row>
    <row r="85" spans="1:50">
      <c r="A85" s="5"/>
      <c r="B85" s="5"/>
      <c r="C85" s="5"/>
      <c r="D85" s="5"/>
      <c r="G85" s="5"/>
      <c r="H85" s="5"/>
      <c r="I85" s="5"/>
      <c r="J85" s="5"/>
      <c r="K85" s="5"/>
      <c r="L85" s="5"/>
      <c r="M85" s="5"/>
      <c r="N85" s="5"/>
      <c r="O85" s="5"/>
      <c r="P85" s="5"/>
      <c r="Q85" s="5"/>
      <c r="R85" s="5"/>
      <c r="S85" s="5"/>
      <c r="T85" s="5"/>
      <c r="U85" s="5"/>
      <c r="V85" s="5"/>
      <c r="W85" s="5"/>
      <c r="X85" s="5"/>
      <c r="Y85" s="5"/>
      <c r="Z85" s="5"/>
      <c r="AA85" s="5"/>
      <c r="AB85" s="5"/>
      <c r="AC85" s="5"/>
      <c r="AD85" s="5"/>
      <c r="AE85" s="5"/>
      <c r="AF85" s="5"/>
      <c r="AG85" s="5"/>
      <c r="AH85" s="5"/>
      <c r="AI85" s="5"/>
      <c r="AJ85" s="5"/>
      <c r="AK85" s="5"/>
      <c r="AL85" s="5"/>
      <c r="AM85" s="5"/>
      <c r="AN85" s="5"/>
      <c r="AO85" s="5"/>
      <c r="AP85" s="5"/>
      <c r="AQ85" s="5"/>
      <c r="AR85" s="5"/>
      <c r="AS85" s="5"/>
      <c r="AT85" s="5"/>
      <c r="AU85" s="5"/>
      <c r="AV85" s="5"/>
      <c r="AW85" s="5"/>
      <c r="AX85" s="5"/>
    </row>
    <row r="86" spans="1:50" s="5" customFormat="1"/>
    <row r="87" spans="1:50" s="5" customFormat="1"/>
    <row r="88" spans="1:50" s="5" customFormat="1"/>
    <row r="90" spans="1:50" ht="18.75">
      <c r="A90" s="317" t="s">
        <v>285</v>
      </c>
      <c r="B90" s="317"/>
      <c r="C90" s="317"/>
      <c r="D90" s="317"/>
      <c r="E90" s="317"/>
      <c r="F90" s="317"/>
      <c r="G90" s="317"/>
      <c r="H90" s="317"/>
    </row>
    <row r="91" spans="1:50" ht="72.75" customHeight="1">
      <c r="A91" s="319" t="s">
        <v>289</v>
      </c>
      <c r="B91" s="319"/>
      <c r="C91" s="319"/>
      <c r="D91" s="319"/>
      <c r="E91" s="319"/>
      <c r="F91" s="319"/>
      <c r="G91" s="319"/>
      <c r="H91" s="319"/>
    </row>
    <row r="92" spans="1:50" ht="33" customHeight="1">
      <c r="A92" s="320" t="s">
        <v>286</v>
      </c>
      <c r="B92" s="321"/>
      <c r="C92" s="321"/>
      <c r="D92" s="321"/>
      <c r="E92" s="321"/>
      <c r="F92" s="321"/>
      <c r="G92" s="321"/>
      <c r="H92" s="322"/>
    </row>
    <row r="93" spans="1:50" ht="42" customHeight="1">
      <c r="A93" s="37" t="s">
        <v>85</v>
      </c>
      <c r="B93" s="38" t="s">
        <v>86</v>
      </c>
      <c r="C93" s="39" t="s">
        <v>87</v>
      </c>
      <c r="D93" s="40" t="s">
        <v>88</v>
      </c>
      <c r="E93" s="39" t="s">
        <v>409</v>
      </c>
      <c r="F93" s="40" t="s">
        <v>413</v>
      </c>
      <c r="G93" s="39" t="s">
        <v>411</v>
      </c>
      <c r="H93" s="40" t="s">
        <v>414</v>
      </c>
    </row>
    <row r="94" spans="1:50" ht="109.5" customHeight="1">
      <c r="A94" s="41"/>
      <c r="B94" s="42" t="s">
        <v>89</v>
      </c>
      <c r="C94" s="43" t="s">
        <v>292</v>
      </c>
      <c r="D94" s="44" t="s">
        <v>91</v>
      </c>
      <c r="E94" s="43" t="s">
        <v>410</v>
      </c>
      <c r="F94" s="91" t="s">
        <v>104</v>
      </c>
      <c r="G94" s="43" t="s">
        <v>412</v>
      </c>
      <c r="H94" s="91" t="s">
        <v>104</v>
      </c>
    </row>
    <row r="95" spans="1:50">
      <c r="A95" s="45" t="s">
        <v>435</v>
      </c>
      <c r="B95" s="77">
        <v>8473</v>
      </c>
      <c r="C95" s="78">
        <v>70.806989823608035</v>
      </c>
      <c r="D95" s="79">
        <v>0.51492840677209151</v>
      </c>
      <c r="E95" s="292">
        <v>0.24759942993317427</v>
      </c>
      <c r="F95" s="293">
        <v>9.3773112832664183E-3</v>
      </c>
      <c r="G95" s="292">
        <v>0.48110213296680271</v>
      </c>
      <c r="H95" s="293">
        <v>1.0853474272107861E-2</v>
      </c>
    </row>
    <row r="96" spans="1:50">
      <c r="A96" s="49" t="s">
        <v>436</v>
      </c>
      <c r="B96" s="80">
        <v>7880</v>
      </c>
      <c r="C96" s="81">
        <v>70.44400108077626</v>
      </c>
      <c r="D96" s="82">
        <v>0.54099223729664803</v>
      </c>
      <c r="E96" s="295">
        <v>0.2534547164679693</v>
      </c>
      <c r="F96" s="296">
        <v>9.7995404287269244E-3</v>
      </c>
      <c r="G96" s="295">
        <v>0.47528367173406427</v>
      </c>
      <c r="H96" s="296">
        <v>1.1248535004562479E-2</v>
      </c>
    </row>
    <row r="97" spans="1:8" s="5" customFormat="1">
      <c r="A97" s="45" t="s">
        <v>437</v>
      </c>
      <c r="B97" s="77">
        <v>761</v>
      </c>
      <c r="C97" s="78">
        <v>65.640626999999995</v>
      </c>
      <c r="D97" s="79">
        <v>1.7664499999999999</v>
      </c>
      <c r="E97" s="291">
        <v>0.318</v>
      </c>
      <c r="F97" s="298">
        <v>3.3701611773795291E-2</v>
      </c>
      <c r="G97" s="291">
        <v>0.373</v>
      </c>
      <c r="H97" s="298">
        <v>3.498191714501106E-2</v>
      </c>
    </row>
    <row r="98" spans="1:8" s="5" customFormat="1">
      <c r="A98" s="49" t="s">
        <v>438</v>
      </c>
      <c r="B98" s="80">
        <v>86</v>
      </c>
      <c r="C98" s="81">
        <v>71.055400289368492</v>
      </c>
      <c r="D98" s="82">
        <v>4.3716349353566706</v>
      </c>
      <c r="E98" s="295">
        <v>0.23254271400428186</v>
      </c>
      <c r="F98" s="296">
        <v>9.0598951196886199E-2</v>
      </c>
      <c r="G98" s="295">
        <v>0.43761161654890246</v>
      </c>
      <c r="H98" s="296">
        <v>0.10465732107783525</v>
      </c>
    </row>
    <row r="99" spans="1:8" s="5" customFormat="1">
      <c r="A99" s="45" t="s">
        <v>439</v>
      </c>
      <c r="B99" s="77">
        <v>584</v>
      </c>
      <c r="C99" s="78">
        <v>71.823744971469836</v>
      </c>
      <c r="D99" s="79">
        <v>1.8393434701028253</v>
      </c>
      <c r="E99" s="291">
        <v>0.21543859958181416</v>
      </c>
      <c r="F99" s="298">
        <v>3.4019078818265339E-2</v>
      </c>
      <c r="G99" s="291">
        <v>0.48332570084171406</v>
      </c>
      <c r="H99" s="298">
        <v>4.1216677955893087E-2</v>
      </c>
    </row>
    <row r="100" spans="1:8" s="5" customFormat="1">
      <c r="A100" s="49" t="s">
        <v>440</v>
      </c>
      <c r="B100" s="80">
        <v>270</v>
      </c>
      <c r="C100" s="81">
        <v>74.310683163867537</v>
      </c>
      <c r="D100" s="82">
        <v>2.3819210297506204</v>
      </c>
      <c r="E100" s="295">
        <v>0.18510492913729967</v>
      </c>
      <c r="F100" s="296">
        <v>4.7371048534749188E-2</v>
      </c>
      <c r="G100" s="295">
        <v>0.5284297427324256</v>
      </c>
      <c r="H100" s="296">
        <v>6.0317308893685542E-2</v>
      </c>
    </row>
    <row r="101" spans="1:8" s="5" customFormat="1">
      <c r="A101" s="45" t="s">
        <v>441</v>
      </c>
      <c r="B101" s="77">
        <v>67</v>
      </c>
      <c r="C101" s="78">
        <v>65.136292593581544</v>
      </c>
      <c r="D101" s="79">
        <v>5.1159328428590687</v>
      </c>
      <c r="E101" s="291">
        <v>0.2443859400639381</v>
      </c>
      <c r="F101" s="298">
        <v>0.1039545294487649</v>
      </c>
      <c r="G101" s="291">
        <v>0.27017087454599936</v>
      </c>
      <c r="H101" s="298">
        <v>0.10693228852999963</v>
      </c>
    </row>
    <row r="102" spans="1:8" s="5" customFormat="1">
      <c r="A102" s="49" t="s">
        <v>442</v>
      </c>
      <c r="B102" s="80">
        <v>128</v>
      </c>
      <c r="C102" s="81">
        <v>70.456053908855495</v>
      </c>
      <c r="D102" s="82">
        <v>4.2573677439086373</v>
      </c>
      <c r="E102" s="295">
        <v>0.23932749815964893</v>
      </c>
      <c r="F102" s="296">
        <v>7.5097036428909886E-2</v>
      </c>
      <c r="G102" s="295">
        <v>0.4699837724110551</v>
      </c>
      <c r="H102" s="296">
        <v>8.6891224793301775E-2</v>
      </c>
    </row>
    <row r="103" spans="1:8" s="5" customFormat="1">
      <c r="A103" s="45" t="s">
        <v>443</v>
      </c>
      <c r="B103" s="77">
        <v>113</v>
      </c>
      <c r="C103" s="78">
        <v>70.542425879758355</v>
      </c>
      <c r="D103" s="79">
        <v>4.8833953209184191</v>
      </c>
      <c r="E103" s="291">
        <v>0.24995526875653948</v>
      </c>
      <c r="F103" s="298">
        <v>8.0951518373098011E-2</v>
      </c>
      <c r="G103" s="291">
        <v>0.49316840410697965</v>
      </c>
      <c r="H103" s="298">
        <v>9.2441982897099276E-2</v>
      </c>
    </row>
    <row r="104" spans="1:8" s="5" customFormat="1">
      <c r="A104" s="49" t="s">
        <v>444</v>
      </c>
      <c r="B104" s="80">
        <v>565</v>
      </c>
      <c r="C104" s="81">
        <v>69.311544680613125</v>
      </c>
      <c r="D104" s="82">
        <v>2.1332029185295638</v>
      </c>
      <c r="E104" s="295">
        <v>0.27148568693245989</v>
      </c>
      <c r="F104" s="296">
        <v>3.7356667986189397E-2</v>
      </c>
      <c r="G104" s="295">
        <v>0.47011417586428972</v>
      </c>
      <c r="H104" s="296">
        <v>4.1848278223922883E-2</v>
      </c>
    </row>
    <row r="105" spans="1:8" s="5" customFormat="1">
      <c r="A105" s="45" t="s">
        <v>445</v>
      </c>
      <c r="B105" s="77">
        <v>504</v>
      </c>
      <c r="C105" s="78">
        <v>71.701742999999993</v>
      </c>
      <c r="D105" s="79">
        <v>1.9789414399999998</v>
      </c>
      <c r="E105" s="292">
        <v>0.223</v>
      </c>
      <c r="F105" s="293">
        <v>3.7065017730727047E-2</v>
      </c>
      <c r="G105" s="292">
        <v>0.50900000000000001</v>
      </c>
      <c r="H105" s="293">
        <v>4.4360750063642811E-2</v>
      </c>
    </row>
    <row r="106" spans="1:8" s="5" customFormat="1" ht="25.5">
      <c r="A106" s="49" t="s">
        <v>450</v>
      </c>
      <c r="B106" s="80">
        <v>112</v>
      </c>
      <c r="C106" s="81">
        <v>71.889024708982888</v>
      </c>
      <c r="D106" s="82">
        <v>4.0806320431793068</v>
      </c>
      <c r="E106" s="295">
        <v>0.17626225744482552</v>
      </c>
      <c r="F106" s="296">
        <v>7.2468128997699457E-2</v>
      </c>
      <c r="G106" s="295">
        <v>0.44315185185527811</v>
      </c>
      <c r="H106" s="296">
        <v>9.2286533189705866E-2</v>
      </c>
    </row>
    <row r="107" spans="1:8">
      <c r="A107" s="45" t="s">
        <v>447</v>
      </c>
      <c r="B107" s="83">
        <v>166</v>
      </c>
      <c r="C107" s="84">
        <v>75.91042973834665</v>
      </c>
      <c r="D107" s="85">
        <v>3.1327457066990214</v>
      </c>
      <c r="E107" s="291">
        <v>0.14603698775136173</v>
      </c>
      <c r="F107" s="298">
        <v>5.5420703841219915E-2</v>
      </c>
      <c r="G107" s="291">
        <v>0.55768693637080169</v>
      </c>
      <c r="H107" s="298">
        <v>7.6208225051935516E-2</v>
      </c>
    </row>
    <row r="108" spans="1:8">
      <c r="A108" s="49" t="s">
        <v>446</v>
      </c>
      <c r="B108" s="80">
        <v>105</v>
      </c>
      <c r="C108" s="81">
        <v>75.703594309968793</v>
      </c>
      <c r="D108" s="82">
        <v>4.2527269050845966</v>
      </c>
      <c r="E108" s="295">
        <v>0.17238245212663697</v>
      </c>
      <c r="F108" s="296">
        <v>7.4291730485397112E-2</v>
      </c>
      <c r="G108" s="295">
        <v>0.57307256112926197</v>
      </c>
      <c r="H108" s="296">
        <v>9.4828692910174123E-2</v>
      </c>
    </row>
    <row r="109" spans="1:8">
      <c r="A109" s="57" t="s">
        <v>451</v>
      </c>
      <c r="B109" s="77">
        <v>58</v>
      </c>
      <c r="C109" s="78">
        <v>53.623609427389191</v>
      </c>
      <c r="D109" s="79">
        <v>7.1436451482937624</v>
      </c>
      <c r="E109" s="292">
        <v>0.53328304455019304</v>
      </c>
      <c r="F109" s="293">
        <v>0.12675365108634909</v>
      </c>
      <c r="G109" s="292">
        <v>0.21639177194716008</v>
      </c>
      <c r="H109" s="293">
        <v>0.10764640866543659</v>
      </c>
    </row>
    <row r="110" spans="1:8">
      <c r="A110" s="49" t="s">
        <v>448</v>
      </c>
      <c r="B110" s="80">
        <v>98</v>
      </c>
      <c r="C110" s="81">
        <v>73.483031842491016</v>
      </c>
      <c r="D110" s="82">
        <v>5.5154821334886028</v>
      </c>
      <c r="E110" s="295">
        <v>0.23952442201268859</v>
      </c>
      <c r="F110" s="296">
        <v>8.5719448279032856E-2</v>
      </c>
      <c r="G110" s="295">
        <v>0.58751931898365717</v>
      </c>
      <c r="H110" s="296">
        <v>9.7604513049607239E-2</v>
      </c>
    </row>
    <row r="111" spans="1:8">
      <c r="A111" s="57" t="s">
        <v>449</v>
      </c>
      <c r="B111" s="77">
        <v>123</v>
      </c>
      <c r="C111" s="78">
        <v>67.662344719492921</v>
      </c>
      <c r="D111" s="79">
        <v>5.0625990202394791</v>
      </c>
      <c r="E111" s="292">
        <v>0.30958048672648691</v>
      </c>
      <c r="F111" s="293">
        <v>8.2479013432827208E-2</v>
      </c>
      <c r="G111" s="292">
        <v>0.53367555324126514</v>
      </c>
      <c r="H111" s="293">
        <v>8.8546667781610633E-2</v>
      </c>
    </row>
    <row r="112" spans="1:8">
      <c r="A112" s="5"/>
      <c r="B112" s="5"/>
      <c r="C112" s="5"/>
      <c r="D112" s="5"/>
      <c r="G112" s="5"/>
      <c r="H112" s="5"/>
    </row>
    <row r="113" spans="1:23">
      <c r="A113" s="5"/>
      <c r="B113" s="5"/>
      <c r="C113" s="5"/>
      <c r="D113" s="5"/>
      <c r="G113" s="5"/>
      <c r="H113" s="5"/>
    </row>
    <row r="114" spans="1:23">
      <c r="A114" s="5"/>
      <c r="B114" s="5"/>
      <c r="C114" s="5"/>
      <c r="D114" s="5"/>
      <c r="G114" s="5"/>
      <c r="H114" s="5"/>
    </row>
    <row r="115" spans="1:23">
      <c r="A115" s="5"/>
      <c r="B115" s="5"/>
      <c r="C115" s="5"/>
      <c r="D115" s="5"/>
      <c r="G115" s="5"/>
      <c r="H115" s="5"/>
    </row>
    <row r="116" spans="1:23">
      <c r="A116" s="5"/>
      <c r="B116" s="5"/>
      <c r="C116" s="5"/>
      <c r="D116" s="5"/>
      <c r="G116" s="5"/>
      <c r="H116" s="5"/>
    </row>
    <row r="117" spans="1:23" s="5" customFormat="1"/>
    <row r="119" spans="1:23" s="5" customFormat="1" ht="18.75">
      <c r="A119" s="325" t="s">
        <v>248</v>
      </c>
      <c r="B119" s="325"/>
      <c r="C119" s="325"/>
      <c r="D119" s="325"/>
      <c r="E119" s="325"/>
      <c r="F119" s="325"/>
      <c r="G119" s="325"/>
      <c r="H119" s="325"/>
      <c r="I119" s="325"/>
      <c r="J119" s="325"/>
      <c r="K119" s="325"/>
      <c r="L119" s="325"/>
      <c r="M119" s="325"/>
      <c r="N119" s="325"/>
      <c r="O119" s="325"/>
      <c r="P119" s="325"/>
      <c r="Q119" s="325"/>
      <c r="R119" s="325"/>
      <c r="S119" s="325"/>
      <c r="T119" s="325"/>
      <c r="U119" s="325"/>
      <c r="V119" s="325"/>
      <c r="W119" s="228"/>
    </row>
    <row r="120" spans="1:23" s="5" customFormat="1" ht="69.75" customHeight="1">
      <c r="A120" s="319" t="s">
        <v>288</v>
      </c>
      <c r="B120" s="319"/>
      <c r="C120" s="319"/>
      <c r="D120" s="319"/>
      <c r="E120" s="319"/>
      <c r="F120" s="319"/>
      <c r="G120" s="319"/>
      <c r="H120" s="319"/>
      <c r="I120" s="319"/>
      <c r="J120" s="319"/>
      <c r="K120" s="319"/>
      <c r="L120" s="319"/>
      <c r="M120" s="319"/>
      <c r="N120" s="319"/>
      <c r="O120" s="319"/>
      <c r="P120" s="319"/>
      <c r="Q120" s="319"/>
      <c r="R120" s="319"/>
      <c r="S120" s="319"/>
      <c r="T120" s="319"/>
      <c r="U120" s="319"/>
      <c r="V120" s="319"/>
    </row>
    <row r="121" spans="1:23" s="5" customFormat="1" ht="48.75" customHeight="1">
      <c r="A121" s="64" t="s">
        <v>287</v>
      </c>
      <c r="B121" s="326" t="s">
        <v>251</v>
      </c>
      <c r="C121" s="327"/>
      <c r="D121" s="327"/>
      <c r="E121" s="327"/>
      <c r="F121" s="327"/>
      <c r="G121" s="327"/>
      <c r="H121" s="328"/>
      <c r="I121" s="320" t="s">
        <v>250</v>
      </c>
      <c r="J121" s="321"/>
      <c r="K121" s="321"/>
      <c r="L121" s="321"/>
      <c r="M121" s="321"/>
      <c r="N121" s="321"/>
      <c r="O121" s="322"/>
      <c r="P121" s="320" t="s">
        <v>249</v>
      </c>
      <c r="Q121" s="321"/>
      <c r="R121" s="321"/>
      <c r="S121" s="321"/>
      <c r="T121" s="321"/>
      <c r="U121" s="321"/>
      <c r="V121" s="322"/>
    </row>
    <row r="122" spans="1:23" s="5" customFormat="1" ht="43.5" customHeight="1">
      <c r="A122" s="37" t="s">
        <v>85</v>
      </c>
      <c r="B122" s="65" t="s">
        <v>86</v>
      </c>
      <c r="C122" s="66" t="s">
        <v>87</v>
      </c>
      <c r="D122" s="67" t="s">
        <v>88</v>
      </c>
      <c r="E122" s="66" t="s">
        <v>409</v>
      </c>
      <c r="F122" s="67" t="s">
        <v>413</v>
      </c>
      <c r="G122" s="66" t="s">
        <v>411</v>
      </c>
      <c r="H122" s="67" t="s">
        <v>414</v>
      </c>
      <c r="I122" s="38" t="s">
        <v>86</v>
      </c>
      <c r="J122" s="39" t="s">
        <v>87</v>
      </c>
      <c r="K122" s="40" t="s">
        <v>88</v>
      </c>
      <c r="L122" s="38" t="s">
        <v>409</v>
      </c>
      <c r="M122" s="40" t="s">
        <v>413</v>
      </c>
      <c r="N122" s="39" t="s">
        <v>411</v>
      </c>
      <c r="O122" s="40" t="s">
        <v>413</v>
      </c>
      <c r="P122" s="65" t="s">
        <v>86</v>
      </c>
      <c r="Q122" s="66" t="s">
        <v>87</v>
      </c>
      <c r="R122" s="67" t="s">
        <v>88</v>
      </c>
      <c r="S122" s="65" t="s">
        <v>409</v>
      </c>
      <c r="T122" s="67" t="s">
        <v>413</v>
      </c>
      <c r="U122" s="66" t="s">
        <v>411</v>
      </c>
      <c r="V122" s="67" t="s">
        <v>413</v>
      </c>
    </row>
    <row r="123" spans="1:23" s="5" customFormat="1" ht="102" customHeight="1">
      <c r="A123" s="41"/>
      <c r="B123" s="68" t="s">
        <v>89</v>
      </c>
      <c r="C123" s="69" t="s">
        <v>291</v>
      </c>
      <c r="D123" s="70" t="s">
        <v>91</v>
      </c>
      <c r="E123" s="69" t="s">
        <v>410</v>
      </c>
      <c r="F123" s="70" t="s">
        <v>104</v>
      </c>
      <c r="G123" s="69" t="s">
        <v>412</v>
      </c>
      <c r="H123" s="70" t="s">
        <v>104</v>
      </c>
      <c r="I123" s="42" t="s">
        <v>89</v>
      </c>
      <c r="J123" s="43" t="s">
        <v>291</v>
      </c>
      <c r="K123" s="44" t="s">
        <v>91</v>
      </c>
      <c r="L123" s="42" t="s">
        <v>410</v>
      </c>
      <c r="M123" s="44" t="s">
        <v>104</v>
      </c>
      <c r="N123" s="126" t="s">
        <v>412</v>
      </c>
      <c r="O123" s="44" t="s">
        <v>104</v>
      </c>
      <c r="P123" s="68" t="s">
        <v>89</v>
      </c>
      <c r="Q123" s="69" t="s">
        <v>291</v>
      </c>
      <c r="R123" s="70" t="s">
        <v>91</v>
      </c>
      <c r="S123" s="68" t="s">
        <v>410</v>
      </c>
      <c r="T123" s="70" t="s">
        <v>104</v>
      </c>
      <c r="U123" s="273" t="s">
        <v>412</v>
      </c>
      <c r="V123" s="70" t="s">
        <v>104</v>
      </c>
    </row>
    <row r="124" spans="1:23" s="5" customFormat="1">
      <c r="A124" s="45" t="s">
        <v>435</v>
      </c>
      <c r="B124" s="71">
        <v>8491</v>
      </c>
      <c r="C124" s="72">
        <v>70.399518061868122</v>
      </c>
      <c r="D124" s="73">
        <v>0.53619615294243306</v>
      </c>
      <c r="E124" s="292">
        <v>0.23131496043345545</v>
      </c>
      <c r="F124" s="293">
        <v>9.1518179047843772E-3</v>
      </c>
      <c r="G124" s="292">
        <v>0.52110929631772962</v>
      </c>
      <c r="H124" s="293">
        <v>1.0840049934782769E-2</v>
      </c>
      <c r="I124" s="71">
        <v>8447</v>
      </c>
      <c r="J124" s="72">
        <v>70.267714083041696</v>
      </c>
      <c r="K124" s="73">
        <v>0.54635054899507263</v>
      </c>
      <c r="L124" s="292">
        <v>0.23848285544073899</v>
      </c>
      <c r="M124" s="293">
        <v>9.2730317625122349E-3</v>
      </c>
      <c r="N124" s="292">
        <v>0.5209637394983605</v>
      </c>
      <c r="O124" s="293">
        <v>1.0868365847424845E-2</v>
      </c>
      <c r="P124" s="71">
        <v>8449</v>
      </c>
      <c r="Q124" s="72">
        <v>71.782701149499644</v>
      </c>
      <c r="R124" s="73">
        <v>0.51698625336236859</v>
      </c>
      <c r="S124" s="292">
        <v>0.21020487256578041</v>
      </c>
      <c r="T124" s="293">
        <v>8.8655785948457411E-3</v>
      </c>
      <c r="U124" s="292">
        <v>0.54192800040856171</v>
      </c>
      <c r="V124" s="293">
        <v>1.0838362800324712E-2</v>
      </c>
    </row>
    <row r="125" spans="1:23" s="5" customFormat="1">
      <c r="A125" s="49" t="s">
        <v>436</v>
      </c>
      <c r="B125" s="74">
        <v>7899</v>
      </c>
      <c r="C125" s="75">
        <v>70.109020340270575</v>
      </c>
      <c r="D125" s="76">
        <v>0.56379391387449007</v>
      </c>
      <c r="E125" s="295">
        <v>0.23730527320594852</v>
      </c>
      <c r="F125" s="296">
        <v>9.572973216217074E-3</v>
      </c>
      <c r="G125" s="295">
        <v>0.51697043221518157</v>
      </c>
      <c r="H125" s="296">
        <v>1.1242268891900664E-2</v>
      </c>
      <c r="I125" s="74">
        <v>7856</v>
      </c>
      <c r="J125" s="75">
        <v>69.853980047782386</v>
      </c>
      <c r="K125" s="76">
        <v>0.5736991540951295</v>
      </c>
      <c r="L125" s="295">
        <v>0.24633941657954586</v>
      </c>
      <c r="M125" s="296">
        <v>9.7218774696788239E-3</v>
      </c>
      <c r="N125" s="295">
        <v>0.51553270193559531</v>
      </c>
      <c r="O125" s="296">
        <v>1.1274032417767699E-2</v>
      </c>
      <c r="P125" s="74">
        <v>7858</v>
      </c>
      <c r="Q125" s="75">
        <v>71.430504759033482</v>
      </c>
      <c r="R125" s="76">
        <v>0.54212618708031313</v>
      </c>
      <c r="S125" s="295">
        <v>0.21649141056625604</v>
      </c>
      <c r="T125" s="296">
        <v>9.292024433555382E-3</v>
      </c>
      <c r="U125" s="295">
        <v>0.5358577691871782</v>
      </c>
      <c r="V125" s="296">
        <v>1.124902615202634E-2</v>
      </c>
    </row>
    <row r="126" spans="1:23" s="5" customFormat="1">
      <c r="A126" s="53" t="s">
        <v>437</v>
      </c>
      <c r="B126" s="54">
        <v>761</v>
      </c>
      <c r="C126" s="55">
        <v>65.900000000000006</v>
      </c>
      <c r="D126" s="56">
        <v>1.8228</v>
      </c>
      <c r="E126" s="291">
        <v>0.28799999999999998</v>
      </c>
      <c r="F126" s="298">
        <v>3.2781692152615984E-2</v>
      </c>
      <c r="G126" s="291">
        <v>0.436</v>
      </c>
      <c r="H126" s="298">
        <v>3.5860785435346959E-2</v>
      </c>
      <c r="I126" s="54">
        <v>759</v>
      </c>
      <c r="J126" s="55">
        <v>64.900000000000006</v>
      </c>
      <c r="K126" s="56">
        <v>1.8815999999999999</v>
      </c>
      <c r="L126" s="291">
        <v>0.30599999999999999</v>
      </c>
      <c r="M126" s="298">
        <v>3.3397214344617086E-2</v>
      </c>
      <c r="N126" s="291">
        <v>0.42499999999999999</v>
      </c>
      <c r="O126" s="298">
        <v>3.5797143850661794E-2</v>
      </c>
      <c r="P126" s="54">
        <v>759</v>
      </c>
      <c r="Q126" s="55">
        <v>66.23</v>
      </c>
      <c r="R126" s="56">
        <v>1.8032000000000001</v>
      </c>
      <c r="S126" s="291">
        <v>0.27200000000000002</v>
      </c>
      <c r="T126" s="298">
        <v>3.2263627358025342E-2</v>
      </c>
      <c r="U126" s="291">
        <v>0.435</v>
      </c>
      <c r="V126" s="298">
        <v>3.5898442940051165E-2</v>
      </c>
    </row>
    <row r="127" spans="1:23" s="5" customFormat="1">
      <c r="A127" s="49" t="s">
        <v>438</v>
      </c>
      <c r="B127" s="74">
        <v>86</v>
      </c>
      <c r="C127" s="75">
        <v>70.320759459981673</v>
      </c>
      <c r="D127" s="76">
        <v>4.489472701988114</v>
      </c>
      <c r="E127" s="295">
        <v>0.18855482898588766</v>
      </c>
      <c r="F127" s="296">
        <v>8.4704022500911691E-2</v>
      </c>
      <c r="G127" s="295">
        <v>0.42565263355895988</v>
      </c>
      <c r="H127" s="296">
        <v>0.10433980525261166</v>
      </c>
      <c r="I127" s="74">
        <v>86</v>
      </c>
      <c r="J127" s="75">
        <v>70.073380436359983</v>
      </c>
      <c r="K127" s="76">
        <v>5.1478973783578601</v>
      </c>
      <c r="L127" s="295">
        <v>0.23968277224256981</v>
      </c>
      <c r="M127" s="296">
        <v>9.1439025179957431E-2</v>
      </c>
      <c r="N127" s="295">
        <v>0.50577682851537775</v>
      </c>
      <c r="O127" s="296">
        <v>0.10540283123129204</v>
      </c>
      <c r="P127" s="74">
        <v>86</v>
      </c>
      <c r="Q127" s="75">
        <v>72.772060345698677</v>
      </c>
      <c r="R127" s="76">
        <v>4.1657230789476527</v>
      </c>
      <c r="S127" s="295">
        <v>0.15283862745000032</v>
      </c>
      <c r="T127" s="296">
        <v>7.8868073988551432E-2</v>
      </c>
      <c r="U127" s="295">
        <v>0.51267134147470939</v>
      </c>
      <c r="V127" s="296">
        <v>0.10537834316853419</v>
      </c>
    </row>
    <row r="128" spans="1:23" s="5" customFormat="1">
      <c r="A128" s="53" t="s">
        <v>439</v>
      </c>
      <c r="B128" s="54">
        <v>587</v>
      </c>
      <c r="C128" s="55">
        <v>71.274603371657236</v>
      </c>
      <c r="D128" s="56">
        <v>1.9459393032348673</v>
      </c>
      <c r="E128" s="291">
        <v>0.19839925052867469</v>
      </c>
      <c r="F128" s="298">
        <v>3.2934753820056194E-2</v>
      </c>
      <c r="G128" s="291">
        <v>0.49314953394294747</v>
      </c>
      <c r="H128" s="298">
        <v>4.1130694604656667E-2</v>
      </c>
      <c r="I128" s="54">
        <v>582</v>
      </c>
      <c r="J128" s="55">
        <v>71.150616426535237</v>
      </c>
      <c r="K128" s="56">
        <v>2.0017356603882872</v>
      </c>
      <c r="L128" s="291">
        <v>0.22371336604291206</v>
      </c>
      <c r="M128" s="298">
        <v>3.4532889379137281E-2</v>
      </c>
      <c r="N128" s="291">
        <v>0.50102146938518499</v>
      </c>
      <c r="O128" s="298">
        <v>4.1309534206466797E-2</v>
      </c>
      <c r="P128" s="54">
        <v>583</v>
      </c>
      <c r="Q128" s="55">
        <v>73.107215492342348</v>
      </c>
      <c r="R128" s="56">
        <v>1.8269410670876207</v>
      </c>
      <c r="S128" s="291">
        <v>0.19368394842938111</v>
      </c>
      <c r="T128" s="298">
        <v>3.2754820602861223E-2</v>
      </c>
      <c r="U128" s="291">
        <v>0.54492666700415537</v>
      </c>
      <c r="V128" s="298">
        <v>4.1109734643273436E-2</v>
      </c>
    </row>
    <row r="129" spans="1:22" s="5" customFormat="1">
      <c r="A129" s="49" t="s">
        <v>440</v>
      </c>
      <c r="B129" s="74">
        <v>270</v>
      </c>
      <c r="C129" s="75">
        <v>74.401380673449069</v>
      </c>
      <c r="D129" s="76">
        <v>2.468957654215123</v>
      </c>
      <c r="E129" s="295">
        <v>0.15369695319497231</v>
      </c>
      <c r="F129" s="296">
        <v>4.4154692357991666E-2</v>
      </c>
      <c r="G129" s="295">
        <v>0.53539384102329857</v>
      </c>
      <c r="H129" s="296">
        <v>6.0265057472482245E-2</v>
      </c>
      <c r="I129" s="74">
        <v>269</v>
      </c>
      <c r="J129" s="75">
        <v>73.703179326550782</v>
      </c>
      <c r="K129" s="76">
        <v>2.5582615853782591</v>
      </c>
      <c r="L129" s="295">
        <v>0.19985292005039379</v>
      </c>
      <c r="M129" s="296">
        <v>4.8799858794343662E-2</v>
      </c>
      <c r="N129" s="295">
        <v>0.54140508801142384</v>
      </c>
      <c r="O129" s="296">
        <v>6.0320935190741956E-2</v>
      </c>
      <c r="P129" s="74">
        <v>270</v>
      </c>
      <c r="Q129" s="75">
        <v>74.798916748804714</v>
      </c>
      <c r="R129" s="76">
        <v>2.3715422846046064</v>
      </c>
      <c r="S129" s="295">
        <v>0.16903237024409762</v>
      </c>
      <c r="T129" s="296">
        <v>4.579154911117151E-2</v>
      </c>
      <c r="U129" s="295">
        <v>0.58576581091342261</v>
      </c>
      <c r="V129" s="296">
        <v>5.9542958198878997E-2</v>
      </c>
    </row>
    <row r="130" spans="1:22" s="5" customFormat="1">
      <c r="A130" s="53" t="s">
        <v>441</v>
      </c>
      <c r="B130" s="54">
        <v>68</v>
      </c>
      <c r="C130" s="55">
        <v>62.297222007280887</v>
      </c>
      <c r="D130" s="56">
        <v>5.7636304823912496</v>
      </c>
      <c r="E130" s="291">
        <v>0.31410919987740882</v>
      </c>
      <c r="F130" s="298">
        <v>0.11034729159513257</v>
      </c>
      <c r="G130" s="291">
        <v>0.31787843524706216</v>
      </c>
      <c r="H130" s="298">
        <v>0.11065831473781049</v>
      </c>
      <c r="I130" s="54">
        <v>66</v>
      </c>
      <c r="J130" s="55">
        <v>64.537160328482216</v>
      </c>
      <c r="K130" s="56">
        <v>5.7654164702705755</v>
      </c>
      <c r="L130" s="291">
        <v>0.17815311940912074</v>
      </c>
      <c r="M130" s="298">
        <v>9.4993136731506514E-2</v>
      </c>
      <c r="N130" s="291">
        <v>0.30118482267981528</v>
      </c>
      <c r="O130" s="298">
        <v>0.11080507508893997</v>
      </c>
      <c r="P130" s="54">
        <v>67</v>
      </c>
      <c r="Q130" s="55">
        <v>69.096463669892415</v>
      </c>
      <c r="R130" s="56">
        <v>5.5318944243291339</v>
      </c>
      <c r="S130" s="291">
        <v>0.17621863895960987</v>
      </c>
      <c r="T130" s="298">
        <v>9.3941909558132641E-2</v>
      </c>
      <c r="U130" s="291">
        <v>0.42250156987290771</v>
      </c>
      <c r="V130" s="298">
        <v>0.11740184118537755</v>
      </c>
    </row>
    <row r="131" spans="1:22" s="5" customFormat="1">
      <c r="A131" s="49" t="s">
        <v>442</v>
      </c>
      <c r="B131" s="74">
        <v>128</v>
      </c>
      <c r="C131" s="75">
        <v>70.36599874825211</v>
      </c>
      <c r="D131" s="76">
        <v>4.370772062633586</v>
      </c>
      <c r="E131" s="295">
        <v>0.18871442426149074</v>
      </c>
      <c r="F131" s="296">
        <v>6.9388008717830768E-2</v>
      </c>
      <c r="G131" s="295">
        <v>0.46475495452904853</v>
      </c>
      <c r="H131" s="296">
        <v>8.6835255325974525E-2</v>
      </c>
      <c r="I131" s="74">
        <v>128</v>
      </c>
      <c r="J131" s="75">
        <v>69.115684938792</v>
      </c>
      <c r="K131" s="76">
        <v>4.7913381365217065</v>
      </c>
      <c r="L131" s="295">
        <v>0.27640839469534939</v>
      </c>
      <c r="M131" s="296">
        <v>7.8429813800980727E-2</v>
      </c>
      <c r="N131" s="295">
        <v>0.48554842383947694</v>
      </c>
      <c r="O131" s="296">
        <v>8.7004635478145187E-2</v>
      </c>
      <c r="P131" s="74">
        <v>127</v>
      </c>
      <c r="Q131" s="75">
        <v>71.824186221304217</v>
      </c>
      <c r="R131" s="76">
        <v>4.2687610267817844</v>
      </c>
      <c r="S131" s="295">
        <v>0.23407520530239245</v>
      </c>
      <c r="T131" s="296">
        <v>7.4861012362225768E-2</v>
      </c>
      <c r="U131" s="295">
        <v>0.51586224116752133</v>
      </c>
      <c r="V131" s="296">
        <v>8.7329073227068954E-2</v>
      </c>
    </row>
    <row r="132" spans="1:22" s="5" customFormat="1">
      <c r="A132" s="53" t="s">
        <v>443</v>
      </c>
      <c r="B132" s="54">
        <v>115</v>
      </c>
      <c r="C132" s="55">
        <v>69.131497958422827</v>
      </c>
      <c r="D132" s="56">
        <v>5.2403421157739425</v>
      </c>
      <c r="E132" s="291">
        <v>0.26046347652980023</v>
      </c>
      <c r="F132" s="298">
        <v>8.1253778680443728E-2</v>
      </c>
      <c r="G132" s="291">
        <v>0.50875590339250376</v>
      </c>
      <c r="H132" s="298">
        <v>9.1656721922720008E-2</v>
      </c>
      <c r="I132" s="54">
        <v>113</v>
      </c>
      <c r="J132" s="55">
        <v>70.424490345314027</v>
      </c>
      <c r="K132" s="56">
        <v>5.1833102379975848</v>
      </c>
      <c r="L132" s="291">
        <v>0.24718223516395421</v>
      </c>
      <c r="M132" s="298">
        <v>8.0676382424425833E-2</v>
      </c>
      <c r="N132" s="291">
        <v>0.51860151382648745</v>
      </c>
      <c r="O132" s="298">
        <v>9.2390334804990884E-2</v>
      </c>
      <c r="P132" s="54">
        <v>113</v>
      </c>
      <c r="Q132" s="55">
        <v>72.362425562382967</v>
      </c>
      <c r="R132" s="56">
        <v>4.7322025783691846</v>
      </c>
      <c r="S132" s="291">
        <v>0.21925469743260825</v>
      </c>
      <c r="T132" s="298">
        <v>7.7675461328840234E-2</v>
      </c>
      <c r="U132" s="291">
        <v>0.53801022323114212</v>
      </c>
      <c r="V132" s="298">
        <v>9.220051030114193E-2</v>
      </c>
    </row>
    <row r="133" spans="1:22" s="5" customFormat="1">
      <c r="A133" s="49" t="s">
        <v>444</v>
      </c>
      <c r="B133" s="74">
        <v>565</v>
      </c>
      <c r="C133" s="75">
        <v>68.61644063221803</v>
      </c>
      <c r="D133" s="76">
        <v>2.1965600110053636</v>
      </c>
      <c r="E133" s="295">
        <v>0.23955003112436879</v>
      </c>
      <c r="F133" s="296">
        <v>3.5878744570180907E-2</v>
      </c>
      <c r="G133" s="295">
        <v>0.47388294376705242</v>
      </c>
      <c r="H133" s="296">
        <v>4.1865753803370938E-2</v>
      </c>
      <c r="I133" s="74">
        <v>565</v>
      </c>
      <c r="J133" s="75">
        <v>68.446678363437485</v>
      </c>
      <c r="K133" s="76">
        <v>2.2672262783137769</v>
      </c>
      <c r="L133" s="295">
        <v>0.27753666841382252</v>
      </c>
      <c r="M133" s="296">
        <v>3.7608980403267565E-2</v>
      </c>
      <c r="N133" s="295">
        <v>0.49267410185780308</v>
      </c>
      <c r="O133" s="296">
        <v>4.1917743799380229E-2</v>
      </c>
      <c r="P133" s="74">
        <v>564</v>
      </c>
      <c r="Q133" s="75">
        <v>71.036170453487728</v>
      </c>
      <c r="R133" s="76">
        <v>2.1300094130666221</v>
      </c>
      <c r="S133" s="295">
        <v>0.23069956215046347</v>
      </c>
      <c r="T133" s="296">
        <v>3.5454307469173565E-2</v>
      </c>
      <c r="U133" s="295">
        <v>0.54096727520704457</v>
      </c>
      <c r="V133" s="296">
        <v>4.1819972771066707E-2</v>
      </c>
    </row>
    <row r="134" spans="1:22" s="5" customFormat="1">
      <c r="A134" s="45" t="s">
        <v>445</v>
      </c>
      <c r="B134" s="71">
        <v>505</v>
      </c>
      <c r="C134" s="72">
        <v>70.930000000000007</v>
      </c>
      <c r="D134" s="73">
        <v>2.0775999999999999</v>
      </c>
      <c r="E134" s="292">
        <v>0.20100000000000001</v>
      </c>
      <c r="F134" s="293">
        <v>3.5680155524990327E-2</v>
      </c>
      <c r="G134" s="292">
        <v>0.51700000000000002</v>
      </c>
      <c r="H134" s="293">
        <v>4.4298995220435435E-2</v>
      </c>
      <c r="I134" s="71">
        <v>504</v>
      </c>
      <c r="J134" s="72">
        <v>70.91</v>
      </c>
      <c r="K134" s="73">
        <v>2.0972</v>
      </c>
      <c r="L134" s="292">
        <v>0.245</v>
      </c>
      <c r="M134" s="293">
        <v>3.8269144680364631E-2</v>
      </c>
      <c r="N134" s="292">
        <v>0.53500000000000003</v>
      </c>
      <c r="O134" s="293">
        <v>4.4260700062105252E-2</v>
      </c>
      <c r="P134" s="71">
        <v>504</v>
      </c>
      <c r="Q134" s="72">
        <v>73.31</v>
      </c>
      <c r="R134" s="73">
        <v>1.96</v>
      </c>
      <c r="S134" s="292">
        <v>0.19</v>
      </c>
      <c r="T134" s="293">
        <v>3.4981145384341474E-2</v>
      </c>
      <c r="U134" s="292">
        <v>0.58499999999999996</v>
      </c>
      <c r="V134" s="293">
        <v>4.37322140743839E-2</v>
      </c>
    </row>
    <row r="135" spans="1:22" s="5" customFormat="1" ht="25.5">
      <c r="A135" s="49" t="s">
        <v>450</v>
      </c>
      <c r="B135" s="74">
        <v>112</v>
      </c>
      <c r="C135" s="75">
        <v>71.146993512625954</v>
      </c>
      <c r="D135" s="76">
        <v>4.2129274695366332</v>
      </c>
      <c r="E135" s="295">
        <v>0.12546404984676254</v>
      </c>
      <c r="F135" s="296">
        <v>6.4120122213216668E-2</v>
      </c>
      <c r="G135" s="295">
        <v>0.47657925373717636</v>
      </c>
      <c r="H135" s="296">
        <v>9.2752664457704553E-2</v>
      </c>
      <c r="I135" s="74">
        <v>112</v>
      </c>
      <c r="J135" s="75">
        <v>71.262909173351915</v>
      </c>
      <c r="K135" s="76">
        <v>4.393817120485024</v>
      </c>
      <c r="L135" s="295">
        <v>0.20475154739991605</v>
      </c>
      <c r="M135" s="296">
        <v>7.6279101107281727E-2</v>
      </c>
      <c r="N135" s="295">
        <v>0.48807322981954054</v>
      </c>
      <c r="O135" s="296">
        <v>9.2823041359219677E-2</v>
      </c>
      <c r="P135" s="74">
        <v>112</v>
      </c>
      <c r="Q135" s="75">
        <v>73.257172800445289</v>
      </c>
      <c r="R135" s="76">
        <v>4.1127661483155196</v>
      </c>
      <c r="S135" s="295">
        <v>0.15261506021879218</v>
      </c>
      <c r="T135" s="296">
        <v>6.8858354206755928E-2</v>
      </c>
      <c r="U135" s="295">
        <v>0.53060689067320721</v>
      </c>
      <c r="V135" s="296">
        <v>9.2685361339317013E-2</v>
      </c>
    </row>
    <row r="136" spans="1:22" s="5" customFormat="1">
      <c r="A136" s="45" t="s">
        <v>447</v>
      </c>
      <c r="B136" s="54">
        <v>166</v>
      </c>
      <c r="C136" s="55">
        <v>75.307605567729027</v>
      </c>
      <c r="D136" s="56">
        <v>3.1546840554508324</v>
      </c>
      <c r="E136" s="291">
        <v>0.13430142592262467</v>
      </c>
      <c r="F136" s="298">
        <v>5.3684030999635153E-2</v>
      </c>
      <c r="G136" s="291">
        <v>0.56531619089875307</v>
      </c>
      <c r="H136" s="298">
        <v>7.6069967154441656E-2</v>
      </c>
      <c r="I136" s="54">
        <v>166</v>
      </c>
      <c r="J136" s="55">
        <v>75.131172203506097</v>
      </c>
      <c r="K136" s="56">
        <v>3.3867213306105106</v>
      </c>
      <c r="L136" s="291">
        <v>0.18134227894765423</v>
      </c>
      <c r="M136" s="298">
        <v>6.0035189957096211E-2</v>
      </c>
      <c r="N136" s="291">
        <v>0.58187029343650953</v>
      </c>
      <c r="O136" s="298">
        <v>7.5709812478033392E-2</v>
      </c>
      <c r="P136" s="54">
        <v>166</v>
      </c>
      <c r="Q136" s="55">
        <v>77.29251092673293</v>
      </c>
      <c r="R136" s="56">
        <v>3.2161036027325181</v>
      </c>
      <c r="S136" s="291">
        <v>0.15620046323461587</v>
      </c>
      <c r="T136" s="298">
        <v>5.6837995712021659E-2</v>
      </c>
      <c r="U136" s="291">
        <v>0.64568030348234207</v>
      </c>
      <c r="V136" s="298">
        <v>7.3526980601078679E-2</v>
      </c>
    </row>
    <row r="137" spans="1:22" s="5" customFormat="1">
      <c r="A137" s="49" t="s">
        <v>446</v>
      </c>
      <c r="B137" s="74">
        <v>105</v>
      </c>
      <c r="C137" s="75">
        <v>75.093338908851024</v>
      </c>
      <c r="D137" s="76">
        <v>4.271672769104061</v>
      </c>
      <c r="E137" s="295">
        <v>0.15711572906543311</v>
      </c>
      <c r="F137" s="296">
        <v>7.1907435483587259E-2</v>
      </c>
      <c r="G137" s="295">
        <v>0.60309274837517524</v>
      </c>
      <c r="H137" s="296">
        <v>9.3874328954417802E-2</v>
      </c>
      <c r="I137" s="74">
        <v>105</v>
      </c>
      <c r="J137" s="75">
        <v>74.896897878255714</v>
      </c>
      <c r="K137" s="76">
        <v>4.5375592411065142</v>
      </c>
      <c r="L137" s="295">
        <v>0.18249972858512026</v>
      </c>
      <c r="M137" s="296">
        <v>7.57728278755221E-2</v>
      </c>
      <c r="N137" s="295">
        <v>0.5952758389056414</v>
      </c>
      <c r="O137" s="296">
        <v>9.415515741456873E-2</v>
      </c>
      <c r="P137" s="74">
        <v>105</v>
      </c>
      <c r="Q137" s="75">
        <v>77.120545306091401</v>
      </c>
      <c r="R137" s="76">
        <v>4.3741251179321914</v>
      </c>
      <c r="S137" s="295">
        <v>0.17669556724654206</v>
      </c>
      <c r="T137" s="296">
        <v>7.493240876441308E-2</v>
      </c>
      <c r="U137" s="295">
        <v>0.63809462880242251</v>
      </c>
      <c r="V137" s="296">
        <v>9.2330446497236859E-2</v>
      </c>
    </row>
    <row r="138" spans="1:22" s="5" customFormat="1">
      <c r="A138" s="57" t="s">
        <v>451</v>
      </c>
      <c r="B138" s="71">
        <v>57</v>
      </c>
      <c r="C138" s="72">
        <v>53.203238370450826</v>
      </c>
      <c r="D138" s="73">
        <v>7.1981635755325035</v>
      </c>
      <c r="E138" s="292">
        <v>0.49971054144348398</v>
      </c>
      <c r="F138" s="293">
        <v>0.12803686119900728</v>
      </c>
      <c r="G138" s="292">
        <v>0.20688505915621427</v>
      </c>
      <c r="H138" s="293">
        <v>0.10711780506244988</v>
      </c>
      <c r="I138" s="71">
        <v>58</v>
      </c>
      <c r="J138" s="72">
        <v>52.40349649369589</v>
      </c>
      <c r="K138" s="73">
        <v>7.4951309153955226</v>
      </c>
      <c r="L138" s="292">
        <v>0.53328304455019304</v>
      </c>
      <c r="M138" s="293">
        <v>0.12675365108634909</v>
      </c>
      <c r="N138" s="292">
        <v>0.23017583482332499</v>
      </c>
      <c r="O138" s="293">
        <v>0.1096287238488507</v>
      </c>
      <c r="P138" s="71">
        <v>57</v>
      </c>
      <c r="Q138" s="72">
        <v>55.661798331834135</v>
      </c>
      <c r="R138" s="73">
        <v>7.2518899701717592</v>
      </c>
      <c r="S138" s="292">
        <v>0.44899531612209304</v>
      </c>
      <c r="T138" s="293">
        <v>0.12745388455418291</v>
      </c>
      <c r="U138" s="292">
        <v>0.23338538625132094</v>
      </c>
      <c r="V138" s="293">
        <v>0.11101126863676193</v>
      </c>
    </row>
    <row r="139" spans="1:22" s="5" customFormat="1">
      <c r="A139" s="49" t="s">
        <v>448</v>
      </c>
      <c r="B139" s="74">
        <v>99</v>
      </c>
      <c r="C139" s="75">
        <v>73.304846774899374</v>
      </c>
      <c r="D139" s="76">
        <v>5.4665195059517373</v>
      </c>
      <c r="E139" s="295">
        <v>0.2489805114616116</v>
      </c>
      <c r="F139" s="296">
        <v>8.630229730421296E-2</v>
      </c>
      <c r="G139" s="295">
        <v>0.56738209550614949</v>
      </c>
      <c r="H139" s="296">
        <v>9.7702829397322263E-2</v>
      </c>
      <c r="I139" s="74">
        <v>98</v>
      </c>
      <c r="J139" s="75">
        <v>72.757960927766334</v>
      </c>
      <c r="K139" s="76">
        <v>5.9012698697838015</v>
      </c>
      <c r="L139" s="295">
        <v>0.25106482450125195</v>
      </c>
      <c r="M139" s="296">
        <v>8.6951929574969111E-2</v>
      </c>
      <c r="N139" s="295">
        <v>0.58790043711276174</v>
      </c>
      <c r="O139" s="296">
        <v>9.759211431316038E-2</v>
      </c>
      <c r="P139" s="74">
        <v>98</v>
      </c>
      <c r="Q139" s="75">
        <v>74.597934590624945</v>
      </c>
      <c r="R139" s="76">
        <v>5.5682382390467096</v>
      </c>
      <c r="S139" s="295">
        <v>0.21654831526119778</v>
      </c>
      <c r="T139" s="296">
        <v>8.3038649146032165E-2</v>
      </c>
      <c r="U139" s="295">
        <v>0.67524291061130071</v>
      </c>
      <c r="V139" s="296">
        <v>9.3232016658074193E-2</v>
      </c>
    </row>
    <row r="140" spans="1:22" s="5" customFormat="1">
      <c r="A140" s="57" t="s">
        <v>449</v>
      </c>
      <c r="B140" s="71">
        <v>123</v>
      </c>
      <c r="C140" s="72">
        <v>65.225438677599257</v>
      </c>
      <c r="D140" s="73">
        <v>5.5813577257196618</v>
      </c>
      <c r="E140" s="292">
        <v>0.30958552395486277</v>
      </c>
      <c r="F140" s="293">
        <v>8.2479357000297279E-2</v>
      </c>
      <c r="G140" s="292">
        <v>0.52173725642714353</v>
      </c>
      <c r="H140" s="293">
        <v>8.8656958506184866E-2</v>
      </c>
      <c r="I140" s="71">
        <v>123</v>
      </c>
      <c r="J140" s="72">
        <v>66.304049182628916</v>
      </c>
      <c r="K140" s="73">
        <v>5.3573243917774347</v>
      </c>
      <c r="L140" s="292">
        <v>0.3180643621792954</v>
      </c>
      <c r="M140" s="293">
        <v>8.3042852712675155E-2</v>
      </c>
      <c r="N140" s="292">
        <v>0.55484385589165575</v>
      </c>
      <c r="O140" s="293">
        <v>8.8233519520727097E-2</v>
      </c>
      <c r="P140" s="71">
        <v>123</v>
      </c>
      <c r="Q140" s="72">
        <v>71.457546243871249</v>
      </c>
      <c r="R140" s="73">
        <v>4.7295367986874304</v>
      </c>
      <c r="S140" s="292">
        <v>0.21025289014448387</v>
      </c>
      <c r="T140" s="293">
        <v>7.3442190619750811E-2</v>
      </c>
      <c r="U140" s="292">
        <v>0.59051188056653059</v>
      </c>
      <c r="V140" s="293">
        <v>8.7361233825874782E-2</v>
      </c>
    </row>
    <row r="141" spans="1:22" s="5" customFormat="1"/>
    <row r="142" spans="1:22" s="5" customFormat="1"/>
    <row r="143" spans="1:22" s="5" customFormat="1"/>
    <row r="144" spans="1:22" s="5" customFormat="1"/>
    <row r="145" s="5" customFormat="1"/>
    <row r="146" s="5" customFormat="1"/>
  </sheetData>
  <mergeCells count="23">
    <mergeCell ref="P121:V121"/>
    <mergeCell ref="A5:H5"/>
    <mergeCell ref="A34:H34"/>
    <mergeCell ref="B63:H63"/>
    <mergeCell ref="I63:O63"/>
    <mergeCell ref="P63:V63"/>
    <mergeCell ref="A91:H91"/>
    <mergeCell ref="A90:H90"/>
    <mergeCell ref="A120:V120"/>
    <mergeCell ref="A119:V119"/>
    <mergeCell ref="I121:O121"/>
    <mergeCell ref="A92:H92"/>
    <mergeCell ref="B121:H121"/>
    <mergeCell ref="AR63:AX63"/>
    <mergeCell ref="A4:H4"/>
    <mergeCell ref="A3:H3"/>
    <mergeCell ref="A33:H33"/>
    <mergeCell ref="A32:H32"/>
    <mergeCell ref="A61:AX61"/>
    <mergeCell ref="A62:AX62"/>
    <mergeCell ref="W63:AC63"/>
    <mergeCell ref="AD63:AJ63"/>
    <mergeCell ref="AK63:AQ63"/>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AS82"/>
  <sheetViews>
    <sheetView zoomScaleNormal="100" workbookViewId="0">
      <selection activeCell="A19" sqref="A19:A24"/>
    </sheetView>
  </sheetViews>
  <sheetFormatPr defaultColWidth="18" defaultRowHeight="15"/>
  <cols>
    <col min="1" max="1" width="42.28515625" style="5" customWidth="1"/>
    <col min="2" max="4" width="19.42578125" style="5" customWidth="1"/>
    <col min="5" max="8" width="18" style="5"/>
    <col min="9" max="9" width="19.85546875" style="5" customWidth="1"/>
    <col min="10" max="16384" width="18" style="5"/>
  </cols>
  <sheetData>
    <row r="1" spans="1:43" ht="28.5">
      <c r="A1" s="36" t="s">
        <v>64</v>
      </c>
      <c r="P1" s="228"/>
      <c r="Q1" s="228"/>
      <c r="R1" s="228"/>
      <c r="S1" s="228"/>
      <c r="T1" s="228"/>
      <c r="U1" s="228"/>
      <c r="V1" s="228"/>
      <c r="W1" s="228"/>
      <c r="X1" s="228"/>
      <c r="Y1" s="228"/>
      <c r="Z1" s="228"/>
      <c r="AA1" s="228"/>
      <c r="AB1" s="228"/>
      <c r="AC1" s="228"/>
      <c r="AD1" s="228"/>
      <c r="AE1" s="228"/>
      <c r="AF1" s="228"/>
      <c r="AG1" s="228"/>
      <c r="AH1" s="228"/>
      <c r="AI1" s="228"/>
      <c r="AJ1" s="228"/>
      <c r="AK1" s="228"/>
    </row>
    <row r="2" spans="1:43">
      <c r="P2" s="228"/>
      <c r="Q2" s="228"/>
      <c r="R2" s="228"/>
      <c r="S2" s="228"/>
      <c r="T2" s="228"/>
      <c r="U2" s="228"/>
      <c r="V2" s="228"/>
      <c r="W2" s="228"/>
      <c r="X2" s="228"/>
      <c r="Y2" s="228"/>
      <c r="Z2" s="228"/>
      <c r="AA2" s="228"/>
      <c r="AB2" s="228"/>
      <c r="AC2" s="228"/>
      <c r="AD2" s="228"/>
      <c r="AE2" s="228"/>
      <c r="AF2" s="228"/>
      <c r="AG2" s="228"/>
      <c r="AH2" s="228"/>
      <c r="AI2" s="228"/>
      <c r="AJ2" s="228"/>
      <c r="AK2" s="228"/>
    </row>
    <row r="3" spans="1:43" ht="18.75">
      <c r="A3" s="340" t="s">
        <v>33</v>
      </c>
      <c r="B3" s="340"/>
      <c r="C3" s="340"/>
      <c r="D3" s="340"/>
      <c r="E3" s="340"/>
      <c r="F3" s="340"/>
      <c r="G3" s="340"/>
      <c r="H3" s="340"/>
      <c r="I3" s="340"/>
      <c r="J3" s="340"/>
      <c r="K3" s="340"/>
      <c r="L3" s="340"/>
      <c r="M3" s="340"/>
      <c r="N3" s="340"/>
      <c r="O3" s="340"/>
      <c r="P3" s="340"/>
      <c r="Q3" s="340"/>
      <c r="R3" s="340"/>
      <c r="S3" s="340"/>
      <c r="T3" s="340"/>
      <c r="U3" s="340"/>
      <c r="V3" s="340"/>
      <c r="W3" s="340"/>
      <c r="X3" s="267"/>
      <c r="Y3" s="267"/>
      <c r="Z3" s="267"/>
      <c r="AA3" s="267"/>
      <c r="AB3" s="267"/>
      <c r="AC3" s="267"/>
      <c r="AD3" s="267"/>
      <c r="AE3" s="267"/>
      <c r="AF3" s="267"/>
      <c r="AG3" s="267"/>
      <c r="AH3" s="267"/>
      <c r="AI3" s="267"/>
      <c r="AJ3" s="267"/>
      <c r="AK3" s="228"/>
    </row>
    <row r="4" spans="1:43" ht="62.25" customHeight="1">
      <c r="A4" s="339" t="s">
        <v>381</v>
      </c>
      <c r="B4" s="339"/>
      <c r="C4" s="339"/>
      <c r="D4" s="339"/>
      <c r="E4" s="339"/>
      <c r="F4" s="339"/>
      <c r="G4" s="339"/>
      <c r="H4" s="339"/>
      <c r="I4" s="339"/>
      <c r="J4" s="339"/>
      <c r="K4" s="339"/>
      <c r="L4" s="339"/>
      <c r="M4" s="339"/>
      <c r="N4" s="339"/>
      <c r="O4" s="339"/>
      <c r="P4" s="339"/>
      <c r="Q4" s="339"/>
      <c r="R4" s="339"/>
      <c r="S4" s="339"/>
      <c r="T4" s="339"/>
      <c r="U4" s="339"/>
      <c r="V4" s="339"/>
      <c r="W4" s="339"/>
      <c r="X4" s="265"/>
      <c r="Y4" s="265"/>
      <c r="Z4" s="265"/>
      <c r="AA4" s="265"/>
      <c r="AB4" s="265"/>
      <c r="AC4" s="266"/>
      <c r="AD4" s="265"/>
      <c r="AE4" s="265"/>
      <c r="AF4" s="265"/>
      <c r="AG4" s="265"/>
      <c r="AH4" s="265"/>
      <c r="AI4" s="265"/>
      <c r="AJ4" s="265"/>
      <c r="AK4" s="228"/>
    </row>
    <row r="5" spans="1:43" ht="39.75" customHeight="1">
      <c r="A5" s="64"/>
      <c r="B5" s="342" t="s">
        <v>100</v>
      </c>
      <c r="C5" s="343"/>
      <c r="D5" s="343"/>
      <c r="E5" s="343"/>
      <c r="F5" s="343"/>
      <c r="G5" s="343"/>
      <c r="H5" s="343"/>
      <c r="I5" s="343"/>
      <c r="J5" s="343"/>
      <c r="K5" s="343"/>
      <c r="L5" s="344"/>
      <c r="M5" s="345" t="s">
        <v>252</v>
      </c>
      <c r="N5" s="346"/>
      <c r="O5" s="346"/>
      <c r="P5" s="346"/>
      <c r="Q5" s="346"/>
      <c r="R5" s="346"/>
      <c r="S5" s="346"/>
      <c r="T5" s="346"/>
      <c r="U5" s="346"/>
      <c r="V5" s="346"/>
      <c r="W5" s="346"/>
      <c r="X5" s="228"/>
      <c r="Y5" s="228"/>
      <c r="Z5" s="228"/>
      <c r="AA5" s="228"/>
      <c r="AB5" s="228"/>
      <c r="AC5" s="228"/>
      <c r="AD5" s="228"/>
      <c r="AE5" s="228"/>
      <c r="AF5" s="228"/>
      <c r="AG5" s="228"/>
      <c r="AH5" s="228"/>
      <c r="AI5" s="228"/>
      <c r="AJ5" s="228"/>
      <c r="AK5" s="228"/>
      <c r="AL5" s="228"/>
      <c r="AM5" s="228"/>
      <c r="AN5" s="228"/>
      <c r="AO5" s="228"/>
    </row>
    <row r="6" spans="1:43" ht="72">
      <c r="A6" s="37" t="s">
        <v>85</v>
      </c>
      <c r="B6" s="38" t="s">
        <v>86</v>
      </c>
      <c r="C6" s="39" t="s">
        <v>87</v>
      </c>
      <c r="D6" s="40" t="s">
        <v>88</v>
      </c>
      <c r="E6" s="38" t="s">
        <v>178</v>
      </c>
      <c r="F6" s="89" t="s">
        <v>101</v>
      </c>
      <c r="G6" s="38" t="s">
        <v>179</v>
      </c>
      <c r="H6" s="89" t="s">
        <v>102</v>
      </c>
      <c r="I6" s="38" t="s">
        <v>180</v>
      </c>
      <c r="J6" s="89" t="s">
        <v>103</v>
      </c>
      <c r="K6" s="38" t="s">
        <v>357</v>
      </c>
      <c r="L6" s="89" t="s">
        <v>356</v>
      </c>
      <c r="M6" s="65" t="s">
        <v>86</v>
      </c>
      <c r="N6" s="65" t="s">
        <v>87</v>
      </c>
      <c r="O6" s="65" t="s">
        <v>88</v>
      </c>
      <c r="P6" s="65" t="s">
        <v>178</v>
      </c>
      <c r="Q6" s="88" t="s">
        <v>101</v>
      </c>
      <c r="R6" s="65" t="s">
        <v>179</v>
      </c>
      <c r="S6" s="88" t="s">
        <v>102</v>
      </c>
      <c r="T6" s="65" t="s">
        <v>180</v>
      </c>
      <c r="U6" s="88" t="s">
        <v>103</v>
      </c>
      <c r="V6" s="65" t="s">
        <v>357</v>
      </c>
      <c r="W6" s="88" t="s">
        <v>356</v>
      </c>
      <c r="X6" s="228"/>
      <c r="Y6" s="228"/>
      <c r="Z6" s="228"/>
      <c r="AA6" s="228"/>
      <c r="AB6" s="228"/>
      <c r="AC6" s="228"/>
      <c r="AD6" s="228"/>
      <c r="AE6" s="228"/>
      <c r="AF6" s="228"/>
      <c r="AG6" s="228"/>
      <c r="AH6" s="228"/>
      <c r="AI6" s="228"/>
      <c r="AJ6" s="228"/>
      <c r="AK6" s="228"/>
      <c r="AL6" s="228"/>
      <c r="AM6" s="228"/>
      <c r="AN6" s="228"/>
      <c r="AO6" s="228"/>
      <c r="AP6" s="228"/>
      <c r="AQ6" s="228"/>
    </row>
    <row r="7" spans="1:43" ht="92.25" customHeight="1">
      <c r="A7" s="41"/>
      <c r="B7" s="42" t="s">
        <v>89</v>
      </c>
      <c r="C7" s="43" t="s">
        <v>358</v>
      </c>
      <c r="D7" s="44" t="s">
        <v>91</v>
      </c>
      <c r="E7" s="42" t="s">
        <v>181</v>
      </c>
      <c r="F7" s="91" t="s">
        <v>104</v>
      </c>
      <c r="G7" s="42" t="s">
        <v>182</v>
      </c>
      <c r="H7" s="91" t="s">
        <v>104</v>
      </c>
      <c r="I7" s="42" t="s">
        <v>183</v>
      </c>
      <c r="J7" s="91" t="s">
        <v>104</v>
      </c>
      <c r="K7" s="42" t="s">
        <v>357</v>
      </c>
      <c r="L7" s="91" t="s">
        <v>104</v>
      </c>
      <c r="M7" s="68" t="s">
        <v>89</v>
      </c>
      <c r="N7" s="68" t="s">
        <v>358</v>
      </c>
      <c r="O7" s="68" t="s">
        <v>91</v>
      </c>
      <c r="P7" s="68" t="s">
        <v>181</v>
      </c>
      <c r="Q7" s="90" t="s">
        <v>104</v>
      </c>
      <c r="R7" s="68" t="s">
        <v>182</v>
      </c>
      <c r="S7" s="90" t="s">
        <v>104</v>
      </c>
      <c r="T7" s="68" t="s">
        <v>183</v>
      </c>
      <c r="U7" s="90" t="s">
        <v>104</v>
      </c>
      <c r="V7" s="68" t="s">
        <v>357</v>
      </c>
      <c r="W7" s="90" t="s">
        <v>104</v>
      </c>
    </row>
    <row r="8" spans="1:43">
      <c r="A8" s="45" t="s">
        <v>435</v>
      </c>
      <c r="B8" s="99">
        <v>9381</v>
      </c>
      <c r="C8" s="100">
        <v>5.2260135235325373</v>
      </c>
      <c r="D8" s="101">
        <v>2.7253467328543442E-2</v>
      </c>
      <c r="E8" s="93">
        <v>9.8749675005076726E-2</v>
      </c>
      <c r="F8" s="94">
        <v>6.1636495798406618E-3</v>
      </c>
      <c r="G8" s="93">
        <v>0.13570839244770772</v>
      </c>
      <c r="H8" s="94">
        <v>7.0738467002636578E-3</v>
      </c>
      <c r="I8" s="93">
        <v>0.70822737345529885</v>
      </c>
      <c r="J8" s="94">
        <v>9.3855626104899399E-3</v>
      </c>
      <c r="K8" s="93">
        <v>5.7314559091932463E-2</v>
      </c>
      <c r="L8" s="94">
        <v>4.8061678848577783E-3</v>
      </c>
      <c r="M8" s="92">
        <v>9383</v>
      </c>
      <c r="N8" s="100">
        <v>5.5</v>
      </c>
      <c r="O8" s="101">
        <v>3.9199999999999999E-2</v>
      </c>
      <c r="P8" s="93">
        <v>0.104</v>
      </c>
      <c r="Q8" s="94">
        <v>6.3059192654077558E-3</v>
      </c>
      <c r="R8" s="93">
        <v>0.109</v>
      </c>
      <c r="S8" s="94">
        <v>6.4373889196710169E-3</v>
      </c>
      <c r="T8" s="93">
        <v>0.77900000000000003</v>
      </c>
      <c r="U8" s="94">
        <v>8.5667302804752245E-3</v>
      </c>
      <c r="V8" s="93">
        <v>7.0000000000000001E-3</v>
      </c>
      <c r="W8" s="94">
        <v>1.7464865332154111E-3</v>
      </c>
    </row>
    <row r="9" spans="1:43">
      <c r="A9" s="49" t="s">
        <v>436</v>
      </c>
      <c r="B9" s="103">
        <v>8740</v>
      </c>
      <c r="C9" s="104">
        <v>5.2</v>
      </c>
      <c r="D9" s="105">
        <v>2.8386114124111905E-2</v>
      </c>
      <c r="E9" s="96">
        <v>0.1</v>
      </c>
      <c r="F9" s="97">
        <v>6.4216850363211127E-3</v>
      </c>
      <c r="G9" s="96">
        <v>0.13900000000000001</v>
      </c>
      <c r="H9" s="97">
        <v>7.4028692144141386E-3</v>
      </c>
      <c r="I9" s="96">
        <v>0.70699999999999996</v>
      </c>
      <c r="J9" s="97">
        <v>9.7355282174307386E-3</v>
      </c>
      <c r="K9" s="96">
        <v>5.3999999999999999E-2</v>
      </c>
      <c r="L9" s="97">
        <v>4.8427207059158588E-3</v>
      </c>
      <c r="M9" s="95">
        <v>8741</v>
      </c>
      <c r="N9" s="104">
        <v>5.5</v>
      </c>
      <c r="O9" s="105">
        <v>3.1523138752816419E-2</v>
      </c>
      <c r="P9" s="96">
        <v>0.108</v>
      </c>
      <c r="Q9" s="97">
        <v>6.6429494981215522E-3</v>
      </c>
      <c r="R9" s="96">
        <v>0.11799999999999999</v>
      </c>
      <c r="S9" s="97">
        <v>6.904045829710815E-3</v>
      </c>
      <c r="T9" s="96">
        <v>0.76700000000000002</v>
      </c>
      <c r="U9" s="97">
        <v>9.0428419579258769E-3</v>
      </c>
      <c r="V9" s="96">
        <v>6.0000000000000001E-3</v>
      </c>
      <c r="W9" s="97">
        <v>1.6822750177737824E-3</v>
      </c>
    </row>
    <row r="10" spans="1:43">
      <c r="A10" s="53" t="s">
        <v>437</v>
      </c>
      <c r="B10" s="99">
        <v>839</v>
      </c>
      <c r="C10" s="100">
        <v>5</v>
      </c>
      <c r="D10" s="101">
        <v>9.8000000000000004E-2</v>
      </c>
      <c r="E10" s="93">
        <v>0.10299999999999999</v>
      </c>
      <c r="F10" s="94">
        <v>2.1106199053866914E-2</v>
      </c>
      <c r="G10" s="93">
        <v>0.153</v>
      </c>
      <c r="H10" s="94">
        <v>2.4906083184323583E-2</v>
      </c>
      <c r="I10" s="93">
        <v>0.61399999999999999</v>
      </c>
      <c r="J10" s="94">
        <v>3.3543374187602067E-2</v>
      </c>
      <c r="K10" s="93">
        <v>0.13</v>
      </c>
      <c r="L10" s="94">
        <v>2.3298169135657482E-2</v>
      </c>
      <c r="M10" s="92">
        <v>839</v>
      </c>
      <c r="N10" s="100">
        <v>5</v>
      </c>
      <c r="O10" s="101">
        <v>9.8000000000000004E-2</v>
      </c>
      <c r="P10" s="93">
        <v>0.10100000000000001</v>
      </c>
      <c r="Q10" s="94">
        <v>2.0928191061553039E-2</v>
      </c>
      <c r="R10" s="93">
        <v>0.11899999999999999</v>
      </c>
      <c r="S10" s="94">
        <v>2.244944737091643E-2</v>
      </c>
      <c r="T10" s="93">
        <v>0.77300000000000002</v>
      </c>
      <c r="U10" s="94">
        <v>2.8912810890447931E-2</v>
      </c>
      <c r="V10" s="93">
        <v>6.0000000000000001E-3</v>
      </c>
      <c r="W10" s="94">
        <v>6.2659095712180174E-3</v>
      </c>
    </row>
    <row r="11" spans="1:43">
      <c r="A11" s="49" t="s">
        <v>438</v>
      </c>
      <c r="B11" s="103">
        <v>92</v>
      </c>
      <c r="C11" s="104">
        <v>4.7900762930757308</v>
      </c>
      <c r="D11" s="105">
        <v>0.31359999999999999</v>
      </c>
      <c r="E11" s="96">
        <v>0.24906160006056693</v>
      </c>
      <c r="F11" s="97">
        <v>8.9481865735694915E-2</v>
      </c>
      <c r="G11" s="96">
        <v>0.15135526971948854</v>
      </c>
      <c r="H11" s="97">
        <v>7.5929037943581912E-2</v>
      </c>
      <c r="I11" s="96">
        <v>0.57667420952312232</v>
      </c>
      <c r="J11" s="97">
        <v>0.10095394377123169</v>
      </c>
      <c r="K11" s="96">
        <v>2.2908920696821669E-2</v>
      </c>
      <c r="L11" s="97">
        <v>4.1310272660945571E-2</v>
      </c>
      <c r="M11" s="95">
        <v>91</v>
      </c>
      <c r="N11" s="104">
        <v>4.9000000000000004</v>
      </c>
      <c r="O11" s="105">
        <v>0.37240000000000001</v>
      </c>
      <c r="P11" s="96">
        <v>0.20499999999999999</v>
      </c>
      <c r="Q11" s="97">
        <v>8.4641445242898183E-2</v>
      </c>
      <c r="R11" s="96">
        <v>0.104</v>
      </c>
      <c r="S11" s="97">
        <v>6.6842012048705921E-2</v>
      </c>
      <c r="T11" s="96">
        <v>0.69099999999999995</v>
      </c>
      <c r="U11" s="97">
        <v>9.5482466564277779E-2</v>
      </c>
      <c r="V11" s="96">
        <v>0</v>
      </c>
      <c r="W11" s="97">
        <v>2.9457850911392545E-2</v>
      </c>
    </row>
    <row r="12" spans="1:43">
      <c r="A12" s="53" t="s">
        <v>439</v>
      </c>
      <c r="B12" s="99">
        <v>633</v>
      </c>
      <c r="C12" s="100">
        <v>5.0761658798025664</v>
      </c>
      <c r="D12" s="101">
        <v>0.1176</v>
      </c>
      <c r="E12" s="93">
        <v>0.11150002980914067</v>
      </c>
      <c r="F12" s="94">
        <v>2.5178466277156177E-2</v>
      </c>
      <c r="G12" s="93">
        <v>0.16408734933859112</v>
      </c>
      <c r="H12" s="94">
        <v>2.949872688238276E-2</v>
      </c>
      <c r="I12" s="93">
        <v>0.60514376734098452</v>
      </c>
      <c r="J12" s="94">
        <v>3.8746707419347604E-2</v>
      </c>
      <c r="K12" s="93">
        <v>0.11926885351128648</v>
      </c>
      <c r="L12" s="94">
        <v>2.5903887609882523E-2</v>
      </c>
      <c r="M12" s="92">
        <v>632</v>
      </c>
      <c r="N12" s="100">
        <v>5.8</v>
      </c>
      <c r="O12" s="101">
        <v>0.1176</v>
      </c>
      <c r="P12" s="93">
        <v>7.0999999999999994E-2</v>
      </c>
      <c r="Q12" s="94">
        <v>2.0720770322303472E-2</v>
      </c>
      <c r="R12" s="93">
        <v>8.7999999999999995E-2</v>
      </c>
      <c r="S12" s="94">
        <v>2.2762712304636865E-2</v>
      </c>
      <c r="T12" s="93">
        <v>0.82599999999999996</v>
      </c>
      <c r="U12" s="94">
        <v>3.0204398159687409E-2</v>
      </c>
      <c r="V12" s="93">
        <v>1.4E-2</v>
      </c>
      <c r="W12" s="94">
        <v>1.0268617404713078E-2</v>
      </c>
    </row>
    <row r="13" spans="1:43">
      <c r="A13" s="49" t="s">
        <v>440</v>
      </c>
      <c r="B13" s="103">
        <v>284</v>
      </c>
      <c r="C13" s="104">
        <v>5.1942354873680552</v>
      </c>
      <c r="D13" s="105">
        <v>0.15679999999999999</v>
      </c>
      <c r="E13" s="96">
        <v>8.3871101484904648E-2</v>
      </c>
      <c r="F13" s="97">
        <v>3.3667786073486063E-2</v>
      </c>
      <c r="G13" s="96">
        <v>0.12528226401951939</v>
      </c>
      <c r="H13" s="97">
        <v>3.9696750521177326E-2</v>
      </c>
      <c r="I13" s="96">
        <v>0.62164746322915598</v>
      </c>
      <c r="J13" s="97">
        <v>5.7204566955158999E-2</v>
      </c>
      <c r="K13" s="96">
        <v>0.16919917126642262</v>
      </c>
      <c r="L13" s="97">
        <v>4.4657555407543729E-2</v>
      </c>
      <c r="M13" s="95">
        <v>283</v>
      </c>
      <c r="N13" s="104">
        <v>6.1</v>
      </c>
      <c r="O13" s="105">
        <v>0.13720000000000002</v>
      </c>
      <c r="P13" s="96">
        <v>2.613161270648091E-2</v>
      </c>
      <c r="Q13" s="97">
        <v>2.1007515224034799E-2</v>
      </c>
      <c r="R13" s="96">
        <v>4.1072944507738379E-2</v>
      </c>
      <c r="S13" s="97">
        <v>2.5103498961388082E-2</v>
      </c>
      <c r="T13" s="96">
        <v>0.92551250828592202</v>
      </c>
      <c r="U13" s="97">
        <v>3.2104126795406342E-2</v>
      </c>
      <c r="V13" s="96">
        <v>7.2829344998590088E-3</v>
      </c>
      <c r="W13" s="97">
        <v>1.394356309145383E-2</v>
      </c>
    </row>
    <row r="14" spans="1:43">
      <c r="A14" s="53" t="s">
        <v>441</v>
      </c>
      <c r="B14" s="99">
        <v>74</v>
      </c>
      <c r="C14" s="100">
        <v>5.0077963171279389</v>
      </c>
      <c r="D14" s="101">
        <v>0.3332</v>
      </c>
      <c r="E14" s="93">
        <v>0.20153732831058754</v>
      </c>
      <c r="F14" s="94">
        <v>9.3321109156306689E-2</v>
      </c>
      <c r="G14" s="93">
        <v>0.14429007251395148</v>
      </c>
      <c r="H14" s="94">
        <v>8.3547954569735586E-2</v>
      </c>
      <c r="I14" s="93">
        <v>0.60272422614612953</v>
      </c>
      <c r="J14" s="94">
        <v>0.11105606490204278</v>
      </c>
      <c r="K14" s="93">
        <v>5.1448373029331453E-2</v>
      </c>
      <c r="L14" s="94">
        <v>5.9445327651862383E-2</v>
      </c>
      <c r="M14" s="92">
        <v>74</v>
      </c>
      <c r="N14" s="100">
        <v>5.8</v>
      </c>
      <c r="O14" s="101">
        <v>0.3332</v>
      </c>
      <c r="P14" s="93">
        <v>8.4083700314249832E-2</v>
      </c>
      <c r="Q14" s="94">
        <v>6.9540947277303686E-2</v>
      </c>
      <c r="R14" s="93">
        <v>5.8400312028502668E-2</v>
      </c>
      <c r="S14" s="94">
        <v>6.1801138001366336E-2</v>
      </c>
      <c r="T14" s="93">
        <v>0.84196936576167258</v>
      </c>
      <c r="U14" s="94">
        <v>8.6155366226979807E-2</v>
      </c>
      <c r="V14" s="93">
        <v>1.5546621895575027E-2</v>
      </c>
      <c r="W14" s="94">
        <v>4.4582968856357361E-2</v>
      </c>
    </row>
    <row r="15" spans="1:43">
      <c r="A15" s="49" t="s">
        <v>442</v>
      </c>
      <c r="B15" s="103">
        <v>144</v>
      </c>
      <c r="C15" s="104">
        <v>5.174483959955948</v>
      </c>
      <c r="D15" s="105">
        <v>0.21559999999999999</v>
      </c>
      <c r="E15" s="96">
        <v>6.2128577742643493E-2</v>
      </c>
      <c r="F15" s="97">
        <v>4.3024953142556298E-2</v>
      </c>
      <c r="G15" s="96">
        <v>0.21401362678369634</v>
      </c>
      <c r="H15" s="97">
        <v>6.8294480683241315E-2</v>
      </c>
      <c r="I15" s="96">
        <v>0.66274535214085128</v>
      </c>
      <c r="J15" s="97">
        <v>7.7968510918745695E-2</v>
      </c>
      <c r="K15" s="96">
        <v>6.1112443332808644E-2</v>
      </c>
      <c r="L15" s="97">
        <v>4.2759233308253403E-2</v>
      </c>
      <c r="M15" s="95">
        <v>144</v>
      </c>
      <c r="N15" s="104">
        <v>5.2</v>
      </c>
      <c r="O15" s="105">
        <v>0.21559999999999999</v>
      </c>
      <c r="P15" s="96">
        <v>9.9842750239136913E-2</v>
      </c>
      <c r="Q15" s="97">
        <v>5.1573264574580724E-2</v>
      </c>
      <c r="R15" s="96">
        <v>0.19565590180537284</v>
      </c>
      <c r="S15" s="97">
        <v>6.6233368208748145E-2</v>
      </c>
      <c r="T15" s="96">
        <v>0.68467140390385084</v>
      </c>
      <c r="U15" s="97">
        <v>7.6708467982046752E-2</v>
      </c>
      <c r="V15" s="96">
        <v>1.9829944051639525E-2</v>
      </c>
      <c r="W15" s="97">
        <v>2.9284799217831881E-2</v>
      </c>
    </row>
    <row r="16" spans="1:43">
      <c r="A16" s="53" t="s">
        <v>443</v>
      </c>
      <c r="B16" s="99">
        <v>125</v>
      </c>
      <c r="C16" s="100">
        <v>4.7536899021516508</v>
      </c>
      <c r="D16" s="101">
        <v>0.29399999999999998</v>
      </c>
      <c r="E16" s="93">
        <v>0.1841888870910611</v>
      </c>
      <c r="F16" s="94">
        <v>6.9628619540729714E-2</v>
      </c>
      <c r="G16" s="93">
        <v>0.20885890552179312</v>
      </c>
      <c r="H16" s="94">
        <v>7.2691765873457062E-2</v>
      </c>
      <c r="I16" s="93">
        <v>0.50669422134661357</v>
      </c>
      <c r="J16" s="94">
        <v>8.8037681042905394E-2</v>
      </c>
      <c r="K16" s="93">
        <v>0.1002579860405322</v>
      </c>
      <c r="L16" s="94">
        <v>5.5674126366983843E-2</v>
      </c>
      <c r="M16" s="92">
        <v>125</v>
      </c>
      <c r="N16" s="100">
        <v>5.4</v>
      </c>
      <c r="O16" s="101">
        <v>0.27440000000000003</v>
      </c>
      <c r="P16" s="93">
        <v>0.1368325409143909</v>
      </c>
      <c r="Q16" s="94">
        <v>6.254594555963286E-2</v>
      </c>
      <c r="R16" s="93">
        <v>9.3432779174333097E-2</v>
      </c>
      <c r="S16" s="94">
        <v>5.4216086752887575E-2</v>
      </c>
      <c r="T16" s="93">
        <v>0.74676235778634592</v>
      </c>
      <c r="U16" s="94">
        <v>7.7324649273769003E-2</v>
      </c>
      <c r="V16" s="93">
        <v>2.2972322124930181E-2</v>
      </c>
      <c r="W16" s="94">
        <v>3.3567133955616828E-2</v>
      </c>
    </row>
    <row r="17" spans="1:45">
      <c r="A17" s="49" t="s">
        <v>444</v>
      </c>
      <c r="B17" s="103">
        <v>619</v>
      </c>
      <c r="C17" s="104">
        <v>5.0847109359610876</v>
      </c>
      <c r="D17" s="105">
        <v>9.8000000000000004E-2</v>
      </c>
      <c r="E17" s="96">
        <v>0.11978454785192059</v>
      </c>
      <c r="F17" s="97">
        <v>2.6245734333882827E-2</v>
      </c>
      <c r="G17" s="96">
        <v>0.14312933292384813</v>
      </c>
      <c r="H17" s="97">
        <v>2.8247186322190726E-2</v>
      </c>
      <c r="I17" s="96">
        <v>0.69193124599674283</v>
      </c>
      <c r="J17" s="97">
        <v>3.7035743723326228E-2</v>
      </c>
      <c r="K17" s="96">
        <v>4.5154873227489373E-2</v>
      </c>
      <c r="L17" s="97">
        <v>1.7141465912703806E-2</v>
      </c>
      <c r="M17" s="95">
        <v>617</v>
      </c>
      <c r="N17" s="104">
        <v>5.5</v>
      </c>
      <c r="O17" s="105">
        <v>0.1176</v>
      </c>
      <c r="P17" s="96">
        <v>0.106</v>
      </c>
      <c r="Q17" s="97">
        <v>2.4964693781528411E-2</v>
      </c>
      <c r="R17" s="96">
        <v>0.108</v>
      </c>
      <c r="S17" s="97">
        <v>2.5164091817771253E-2</v>
      </c>
      <c r="T17" s="96">
        <v>0.77500000000000002</v>
      </c>
      <c r="U17" s="97">
        <v>3.360719360455619E-2</v>
      </c>
      <c r="V17" s="96">
        <v>1.0999999999999999E-2</v>
      </c>
      <c r="W17" s="97">
        <v>9.4790362100010111E-3</v>
      </c>
    </row>
    <row r="18" spans="1:45">
      <c r="A18" s="45" t="s">
        <v>445</v>
      </c>
      <c r="B18" s="99">
        <v>537</v>
      </c>
      <c r="C18" s="100">
        <v>5.0599999999999996</v>
      </c>
      <c r="D18" s="101">
        <v>0.1176</v>
      </c>
      <c r="E18" s="93">
        <v>0.13900000000000001</v>
      </c>
      <c r="F18" s="94">
        <v>2.9984467758898209E-2</v>
      </c>
      <c r="G18" s="93">
        <v>0.13400000000000001</v>
      </c>
      <c r="H18" s="94">
        <v>2.9539602427249526E-2</v>
      </c>
      <c r="I18" s="93">
        <v>0.69899999999999995</v>
      </c>
      <c r="J18" s="94">
        <v>3.9496126970195507E-2</v>
      </c>
      <c r="K18" s="93">
        <v>2.8000000000000001E-2</v>
      </c>
      <c r="L18" s="94">
        <v>1.5016497155766454E-2</v>
      </c>
      <c r="M18" s="92">
        <v>555</v>
      </c>
      <c r="N18" s="100">
        <v>5.58</v>
      </c>
      <c r="O18" s="101">
        <v>0.1176</v>
      </c>
      <c r="P18" s="93">
        <v>0.106</v>
      </c>
      <c r="Q18" s="94">
        <v>2.6342681279210699E-2</v>
      </c>
      <c r="R18" s="93">
        <v>9.5000000000000001E-2</v>
      </c>
      <c r="S18" s="94">
        <v>2.5138472676896104E-2</v>
      </c>
      <c r="T18" s="93">
        <v>0.79100000000000004</v>
      </c>
      <c r="U18" s="94">
        <v>3.4519607011472081E-2</v>
      </c>
      <c r="V18" s="93">
        <v>8.0000000000000002E-3</v>
      </c>
      <c r="W18" s="94">
        <v>9.0270311065711786E-3</v>
      </c>
    </row>
    <row r="19" spans="1:45" ht="25.5">
      <c r="A19" s="49" t="s">
        <v>450</v>
      </c>
      <c r="B19" s="103">
        <v>130</v>
      </c>
      <c r="C19" s="104">
        <v>5.2102657749746273</v>
      </c>
      <c r="D19" s="105">
        <v>0.21559999999999999</v>
      </c>
      <c r="E19" s="96">
        <v>0.12383759200474183</v>
      </c>
      <c r="F19" s="97">
        <v>5.9053077476331234E-2</v>
      </c>
      <c r="G19" s="96">
        <v>0.12975871345360157</v>
      </c>
      <c r="H19" s="97">
        <v>6.0095208324863376E-2</v>
      </c>
      <c r="I19" s="96">
        <v>0.72592673391612872</v>
      </c>
      <c r="J19" s="97">
        <v>7.7644225920157198E-2</v>
      </c>
      <c r="K19" s="96">
        <v>2.047696062552791E-2</v>
      </c>
      <c r="L19" s="97">
        <v>3.1660824643250034E-2</v>
      </c>
      <c r="M19" s="95">
        <v>130</v>
      </c>
      <c r="N19" s="104">
        <v>5.4</v>
      </c>
      <c r="O19" s="105">
        <v>0.27440000000000003</v>
      </c>
      <c r="P19" s="96">
        <v>0.13559040210104384</v>
      </c>
      <c r="Q19" s="97">
        <v>6.1088469606271338E-2</v>
      </c>
      <c r="R19" s="96">
        <v>9.8899394560314852E-2</v>
      </c>
      <c r="S19" s="97">
        <v>5.424648700140057E-2</v>
      </c>
      <c r="T19" s="96">
        <v>0.76551020333864106</v>
      </c>
      <c r="U19" s="97">
        <v>7.4041176957813773E-2</v>
      </c>
      <c r="V19" s="96">
        <v>0</v>
      </c>
      <c r="W19" s="97">
        <v>2.0949553032762303E-2</v>
      </c>
    </row>
    <row r="20" spans="1:45">
      <c r="A20" s="45" t="s">
        <v>447</v>
      </c>
      <c r="B20" s="83">
        <v>179</v>
      </c>
      <c r="C20" s="84">
        <v>5.1959150196847199</v>
      </c>
      <c r="D20" s="85">
        <v>0.19600000000000001</v>
      </c>
      <c r="E20" s="98">
        <v>7.3947445911000692E-2</v>
      </c>
      <c r="F20" s="94">
        <v>4.0845659327634884E-2</v>
      </c>
      <c r="G20" s="98">
        <v>0.14577896307452148</v>
      </c>
      <c r="H20" s="94">
        <v>5.3296294916795099E-2</v>
      </c>
      <c r="I20" s="98">
        <v>0.70587493005831869</v>
      </c>
      <c r="J20" s="94">
        <v>6.7661668274022438E-2</v>
      </c>
      <c r="K20" s="98">
        <v>7.4398660956158297E-2</v>
      </c>
      <c r="L20" s="94">
        <v>4.0943915884116472E-2</v>
      </c>
      <c r="M20" s="83">
        <v>179</v>
      </c>
      <c r="N20" s="84">
        <v>6.1</v>
      </c>
      <c r="O20" s="85">
        <v>0.1764</v>
      </c>
      <c r="P20" s="98">
        <v>2.3091389019165489E-2</v>
      </c>
      <c r="Q20" s="94">
        <v>2.6608813242838605E-2</v>
      </c>
      <c r="R20" s="98">
        <v>5.9272191286241588E-2</v>
      </c>
      <c r="S20" s="94">
        <v>3.744799125068253E-2</v>
      </c>
      <c r="T20" s="98">
        <v>0.8901153731397704</v>
      </c>
      <c r="U20" s="94">
        <v>4.7767743865608885E-2</v>
      </c>
      <c r="V20" s="98">
        <v>2.7521046554822383E-2</v>
      </c>
      <c r="W20" s="94">
        <v>2.8213065143479248E-2</v>
      </c>
    </row>
    <row r="21" spans="1:45">
      <c r="A21" s="49" t="s">
        <v>446</v>
      </c>
      <c r="B21" s="103">
        <v>114</v>
      </c>
      <c r="C21" s="104">
        <v>5.2868393007191505</v>
      </c>
      <c r="D21" s="105">
        <v>0.19600000000000001</v>
      </c>
      <c r="E21" s="96">
        <v>5.8533817370271614E-2</v>
      </c>
      <c r="F21" s="97">
        <v>4.8045424524473912E-2</v>
      </c>
      <c r="G21" s="96">
        <v>0.13099264137651437</v>
      </c>
      <c r="H21" s="97">
        <v>6.45476367319779E-2</v>
      </c>
      <c r="I21" s="96">
        <v>0.72829326400649863</v>
      </c>
      <c r="J21" s="97">
        <v>8.2617293800462108E-2</v>
      </c>
      <c r="K21" s="96">
        <v>8.2180277246715741E-2</v>
      </c>
      <c r="L21" s="97">
        <v>5.4325309300969238E-2</v>
      </c>
      <c r="M21" s="95">
        <v>114</v>
      </c>
      <c r="N21" s="104">
        <v>6.2</v>
      </c>
      <c r="O21" s="105">
        <v>0.19600000000000001</v>
      </c>
      <c r="P21" s="96">
        <v>9.0945294223864718E-3</v>
      </c>
      <c r="Q21" s="97">
        <v>2.9153644646758969E-2</v>
      </c>
      <c r="R21" s="96">
        <v>5.0523816715798614E-2</v>
      </c>
      <c r="S21" s="97">
        <v>4.5635208224937412E-2</v>
      </c>
      <c r="T21" s="96">
        <v>0.90323366618806944</v>
      </c>
      <c r="U21" s="97">
        <v>5.770742173126487E-2</v>
      </c>
      <c r="V21" s="96">
        <v>3.7147987673745636E-2</v>
      </c>
      <c r="W21" s="97">
        <v>4.1188300197335603E-2</v>
      </c>
    </row>
    <row r="22" spans="1:45">
      <c r="A22" s="57" t="s">
        <v>451</v>
      </c>
      <c r="B22" s="99">
        <v>59</v>
      </c>
      <c r="C22" s="100">
        <v>4.5334344924576486</v>
      </c>
      <c r="D22" s="101">
        <v>0.3332</v>
      </c>
      <c r="E22" s="93">
        <v>0.18631280128547381</v>
      </c>
      <c r="F22" s="94">
        <v>0.10194890200366415</v>
      </c>
      <c r="G22" s="93">
        <v>0.2015795616506719</v>
      </c>
      <c r="H22" s="94">
        <v>0.10446987304309002</v>
      </c>
      <c r="I22" s="93">
        <v>0.50804796453865309</v>
      </c>
      <c r="J22" s="94">
        <v>0.12597384306284087</v>
      </c>
      <c r="K22" s="93">
        <v>0.10405967252520082</v>
      </c>
      <c r="L22" s="94">
        <v>8.4517839302895761E-2</v>
      </c>
      <c r="M22" s="92">
        <v>59</v>
      </c>
      <c r="N22" s="100">
        <v>4.9000000000000004</v>
      </c>
      <c r="O22" s="101">
        <v>0.43119999999999997</v>
      </c>
      <c r="P22" s="93">
        <v>0.12408005784402569</v>
      </c>
      <c r="Q22" s="94">
        <v>8.9463793415389459E-2</v>
      </c>
      <c r="R22" s="93">
        <v>0.20831106354686502</v>
      </c>
      <c r="S22" s="94">
        <v>0.10552324509271124</v>
      </c>
      <c r="T22" s="93">
        <v>0.65383093700843342</v>
      </c>
      <c r="U22" s="94">
        <v>0.12064524793373917</v>
      </c>
      <c r="V22" s="93">
        <v>1.3777941600675074E-2</v>
      </c>
      <c r="W22" s="94">
        <v>5.2041274111252714E-2</v>
      </c>
    </row>
    <row r="23" spans="1:45">
      <c r="A23" s="49" t="s">
        <v>448</v>
      </c>
      <c r="B23" s="103">
        <v>106</v>
      </c>
      <c r="C23" s="104">
        <v>5.4142199890851277</v>
      </c>
      <c r="D23" s="105">
        <v>0.21559999999999999</v>
      </c>
      <c r="E23" s="96">
        <v>7.7891241238373043E-2</v>
      </c>
      <c r="F23" s="97">
        <v>5.5447544978735774E-2</v>
      </c>
      <c r="G23" s="96">
        <v>0.12802392093047077</v>
      </c>
      <c r="H23" s="97">
        <v>6.6473187933514796E-2</v>
      </c>
      <c r="I23" s="96">
        <v>0.7840861268923851</v>
      </c>
      <c r="J23" s="97">
        <v>7.9785577306812377E-2</v>
      </c>
      <c r="K23" s="96">
        <v>9.9987109387714036E-3</v>
      </c>
      <c r="L23" s="97">
        <v>3.1359010595142317E-2</v>
      </c>
      <c r="M23" s="95">
        <v>106</v>
      </c>
      <c r="N23" s="104">
        <v>5.9</v>
      </c>
      <c r="O23" s="105">
        <v>0.25480000000000003</v>
      </c>
      <c r="P23" s="96">
        <v>6.7404760526975721E-2</v>
      </c>
      <c r="Q23" s="97">
        <v>5.2647709344355365E-2</v>
      </c>
      <c r="R23" s="96">
        <v>6.9316631032188367E-2</v>
      </c>
      <c r="S23" s="97">
        <v>5.3174365116342333E-2</v>
      </c>
      <c r="T23" s="96">
        <v>0.8632786084408357</v>
      </c>
      <c r="U23" s="97">
        <v>6.8078046455655586E-2</v>
      </c>
      <c r="V23" s="96">
        <v>0</v>
      </c>
      <c r="W23" s="97">
        <v>2.5478147263468021E-2</v>
      </c>
    </row>
    <row r="24" spans="1:45">
      <c r="A24" s="57" t="s">
        <v>449</v>
      </c>
      <c r="B24" s="99">
        <v>137</v>
      </c>
      <c r="C24" s="100">
        <v>4.8897904141323352</v>
      </c>
      <c r="D24" s="101">
        <v>0.23519999999999999</v>
      </c>
      <c r="E24" s="93">
        <v>0.17156044925230304</v>
      </c>
      <c r="F24" s="94">
        <v>6.4831713333112315E-2</v>
      </c>
      <c r="G24" s="93">
        <v>0.12182153180362515</v>
      </c>
      <c r="H24" s="94">
        <v>5.7112678662243871E-2</v>
      </c>
      <c r="I24" s="93">
        <v>0.67545540275360627</v>
      </c>
      <c r="J24" s="94">
        <v>7.9168958461624486E-2</v>
      </c>
      <c r="K24" s="93">
        <v>3.1162616190465717E-2</v>
      </c>
      <c r="L24" s="94">
        <v>3.471709862412857E-2</v>
      </c>
      <c r="M24" s="92">
        <v>135</v>
      </c>
      <c r="N24" s="100">
        <v>5.3</v>
      </c>
      <c r="O24" s="101">
        <v>0.27440000000000003</v>
      </c>
      <c r="P24" s="93">
        <v>0.14617577386500083</v>
      </c>
      <c r="Q24" s="94">
        <v>6.1611457170645707E-2</v>
      </c>
      <c r="R24" s="93">
        <v>0.14058730689098264</v>
      </c>
      <c r="S24" s="94">
        <v>6.0727061897413767E-2</v>
      </c>
      <c r="T24" s="93">
        <v>0.69870222361992718</v>
      </c>
      <c r="U24" s="94">
        <v>7.8246448620183498E-2</v>
      </c>
      <c r="V24" s="93">
        <v>1.453469562408901E-2</v>
      </c>
      <c r="W24" s="94">
        <v>2.822947576036107E-2</v>
      </c>
    </row>
    <row r="32" spans="1:45" ht="21" customHeight="1">
      <c r="A32" s="317" t="s">
        <v>34</v>
      </c>
      <c r="B32" s="317"/>
      <c r="C32" s="317"/>
      <c r="D32" s="317"/>
      <c r="E32" s="317"/>
      <c r="F32" s="317"/>
      <c r="G32" s="317"/>
      <c r="H32" s="317"/>
      <c r="I32" s="317"/>
      <c r="J32" s="317"/>
      <c r="K32" s="317"/>
      <c r="L32" s="317"/>
      <c r="M32" s="317"/>
      <c r="N32" s="317"/>
      <c r="O32" s="317"/>
      <c r="P32" s="317"/>
      <c r="Q32" s="317"/>
      <c r="R32" s="317"/>
      <c r="S32" s="317"/>
      <c r="T32" s="317"/>
      <c r="U32" s="317"/>
      <c r="V32" s="317"/>
      <c r="W32" s="317"/>
      <c r="X32" s="317"/>
      <c r="Y32" s="317"/>
      <c r="Z32" s="317"/>
      <c r="AA32" s="317"/>
      <c r="AB32" s="317"/>
      <c r="AC32" s="317"/>
      <c r="AD32" s="317"/>
      <c r="AE32" s="317"/>
      <c r="AF32" s="317"/>
      <c r="AG32" s="317"/>
      <c r="AH32" s="317"/>
      <c r="AI32" s="317"/>
      <c r="AJ32" s="317"/>
      <c r="AK32" s="317"/>
      <c r="AL32" s="317"/>
      <c r="AM32" s="317"/>
      <c r="AN32" s="317"/>
      <c r="AO32" s="317"/>
      <c r="AP32" s="317"/>
      <c r="AQ32" s="317"/>
      <c r="AR32" s="317"/>
      <c r="AS32" s="317"/>
    </row>
    <row r="33" spans="1:45" ht="73.5" customHeight="1">
      <c r="A33" s="341" t="s">
        <v>382</v>
      </c>
      <c r="B33" s="341"/>
      <c r="C33" s="341"/>
      <c r="D33" s="341"/>
      <c r="E33" s="341"/>
      <c r="F33" s="341"/>
      <c r="G33" s="341"/>
      <c r="H33" s="341"/>
      <c r="I33" s="341"/>
      <c r="J33" s="341"/>
      <c r="K33" s="341"/>
      <c r="L33" s="341"/>
      <c r="M33" s="341"/>
      <c r="N33" s="341"/>
      <c r="O33" s="341"/>
      <c r="P33" s="341"/>
      <c r="Q33" s="341"/>
      <c r="R33" s="341"/>
      <c r="S33" s="341"/>
      <c r="T33" s="341"/>
      <c r="U33" s="341"/>
      <c r="V33" s="341"/>
      <c r="W33" s="341"/>
      <c r="X33" s="341"/>
      <c r="Y33" s="341"/>
      <c r="Z33" s="341"/>
      <c r="AA33" s="341"/>
      <c r="AB33" s="341"/>
      <c r="AC33" s="341"/>
      <c r="AD33" s="341"/>
      <c r="AE33" s="341"/>
      <c r="AF33" s="341"/>
      <c r="AG33" s="341"/>
      <c r="AH33" s="341"/>
      <c r="AI33" s="341"/>
      <c r="AJ33" s="341"/>
      <c r="AK33" s="341"/>
      <c r="AL33" s="341"/>
      <c r="AM33" s="341"/>
      <c r="AN33" s="341"/>
      <c r="AO33" s="341"/>
      <c r="AP33" s="341"/>
      <c r="AQ33" s="341"/>
      <c r="AR33" s="341"/>
      <c r="AS33" s="341"/>
    </row>
    <row r="34" spans="1:45" ht="37.5" customHeight="1">
      <c r="A34" s="64"/>
      <c r="B34" s="336" t="s">
        <v>105</v>
      </c>
      <c r="C34" s="337"/>
      <c r="D34" s="337"/>
      <c r="E34" s="337"/>
      <c r="F34" s="337"/>
      <c r="G34" s="337"/>
      <c r="H34" s="337"/>
      <c r="I34" s="337"/>
      <c r="J34" s="337"/>
      <c r="K34" s="337"/>
      <c r="L34" s="338"/>
      <c r="M34" s="336" t="s">
        <v>106</v>
      </c>
      <c r="N34" s="337"/>
      <c r="O34" s="337"/>
      <c r="P34" s="337"/>
      <c r="Q34" s="337"/>
      <c r="R34" s="337"/>
      <c r="S34" s="337"/>
      <c r="T34" s="337"/>
      <c r="U34" s="337"/>
      <c r="V34" s="337"/>
      <c r="W34" s="338"/>
      <c r="X34" s="333" t="s">
        <v>107</v>
      </c>
      <c r="Y34" s="334"/>
      <c r="Z34" s="334"/>
      <c r="AA34" s="334"/>
      <c r="AB34" s="334"/>
      <c r="AC34" s="334"/>
      <c r="AD34" s="334"/>
      <c r="AE34" s="334"/>
      <c r="AF34" s="334"/>
      <c r="AG34" s="334"/>
      <c r="AH34" s="335"/>
      <c r="AI34" s="333" t="s">
        <v>108</v>
      </c>
      <c r="AJ34" s="334"/>
      <c r="AK34" s="334"/>
      <c r="AL34" s="334"/>
      <c r="AM34" s="334"/>
      <c r="AN34" s="334"/>
      <c r="AO34" s="334"/>
      <c r="AP34" s="334"/>
      <c r="AQ34" s="334"/>
      <c r="AR34" s="334"/>
      <c r="AS34" s="335"/>
    </row>
    <row r="35" spans="1:45" ht="72">
      <c r="A35" s="37" t="s">
        <v>85</v>
      </c>
      <c r="B35" s="38" t="s">
        <v>86</v>
      </c>
      <c r="C35" s="39" t="s">
        <v>87</v>
      </c>
      <c r="D35" s="40" t="s">
        <v>88</v>
      </c>
      <c r="E35" s="38" t="s">
        <v>184</v>
      </c>
      <c r="F35" s="89" t="s">
        <v>109</v>
      </c>
      <c r="G35" s="38" t="s">
        <v>185</v>
      </c>
      <c r="H35" s="89" t="s">
        <v>110</v>
      </c>
      <c r="I35" s="38" t="s">
        <v>186</v>
      </c>
      <c r="J35" s="89" t="s">
        <v>111</v>
      </c>
      <c r="K35" s="38" t="s">
        <v>357</v>
      </c>
      <c r="L35" s="89" t="s">
        <v>356</v>
      </c>
      <c r="M35" s="65" t="s">
        <v>86</v>
      </c>
      <c r="N35" s="66" t="s">
        <v>87</v>
      </c>
      <c r="O35" s="67" t="s">
        <v>88</v>
      </c>
      <c r="P35" s="65" t="s">
        <v>187</v>
      </c>
      <c r="Q35" s="88" t="s">
        <v>112</v>
      </c>
      <c r="R35" s="65" t="s">
        <v>188</v>
      </c>
      <c r="S35" s="88" t="s">
        <v>113</v>
      </c>
      <c r="T35" s="65" t="s">
        <v>189</v>
      </c>
      <c r="U35" s="88" t="s">
        <v>114</v>
      </c>
      <c r="V35" s="65" t="s">
        <v>357</v>
      </c>
      <c r="W35" s="88" t="s">
        <v>356</v>
      </c>
      <c r="X35" s="38" t="s">
        <v>86</v>
      </c>
      <c r="Y35" s="39" t="s">
        <v>87</v>
      </c>
      <c r="Z35" s="40" t="s">
        <v>88</v>
      </c>
      <c r="AA35" s="38" t="s">
        <v>190</v>
      </c>
      <c r="AB35" s="89" t="s">
        <v>115</v>
      </c>
      <c r="AC35" s="38" t="s">
        <v>191</v>
      </c>
      <c r="AD35" s="89" t="s">
        <v>116</v>
      </c>
      <c r="AE35" s="38" t="s">
        <v>192</v>
      </c>
      <c r="AF35" s="89" t="s">
        <v>117</v>
      </c>
      <c r="AG35" s="38" t="s">
        <v>357</v>
      </c>
      <c r="AH35" s="89" t="s">
        <v>356</v>
      </c>
      <c r="AI35" s="65" t="s">
        <v>86</v>
      </c>
      <c r="AJ35" s="66" t="s">
        <v>87</v>
      </c>
      <c r="AK35" s="67" t="s">
        <v>88</v>
      </c>
      <c r="AL35" s="65" t="s">
        <v>193</v>
      </c>
      <c r="AM35" s="88" t="s">
        <v>118</v>
      </c>
      <c r="AN35" s="65" t="s">
        <v>194</v>
      </c>
      <c r="AO35" s="88" t="s">
        <v>119</v>
      </c>
      <c r="AP35" s="65" t="s">
        <v>195</v>
      </c>
      <c r="AQ35" s="88" t="s">
        <v>120</v>
      </c>
      <c r="AR35" s="65" t="s">
        <v>357</v>
      </c>
      <c r="AS35" s="88" t="s">
        <v>356</v>
      </c>
    </row>
    <row r="36" spans="1:45" ht="93" customHeight="1">
      <c r="A36" s="41"/>
      <c r="B36" s="42" t="s">
        <v>89</v>
      </c>
      <c r="C36" s="43" t="s">
        <v>121</v>
      </c>
      <c r="D36" s="44" t="s">
        <v>91</v>
      </c>
      <c r="E36" s="42" t="s">
        <v>181</v>
      </c>
      <c r="F36" s="91" t="s">
        <v>104</v>
      </c>
      <c r="G36" s="42" t="s">
        <v>182</v>
      </c>
      <c r="H36" s="91" t="s">
        <v>104</v>
      </c>
      <c r="I36" s="42" t="s">
        <v>183</v>
      </c>
      <c r="J36" s="91" t="s">
        <v>104</v>
      </c>
      <c r="K36" s="42" t="s">
        <v>357</v>
      </c>
      <c r="L36" s="91" t="s">
        <v>104</v>
      </c>
      <c r="M36" s="68" t="s">
        <v>89</v>
      </c>
      <c r="N36" s="69" t="s">
        <v>121</v>
      </c>
      <c r="O36" s="70" t="s">
        <v>91</v>
      </c>
      <c r="P36" s="68" t="s">
        <v>181</v>
      </c>
      <c r="Q36" s="90" t="s">
        <v>104</v>
      </c>
      <c r="R36" s="68" t="s">
        <v>182</v>
      </c>
      <c r="S36" s="90" t="s">
        <v>104</v>
      </c>
      <c r="T36" s="68" t="s">
        <v>183</v>
      </c>
      <c r="U36" s="90" t="s">
        <v>104</v>
      </c>
      <c r="V36" s="68" t="s">
        <v>357</v>
      </c>
      <c r="W36" s="90" t="s">
        <v>104</v>
      </c>
      <c r="X36" s="42" t="s">
        <v>89</v>
      </c>
      <c r="Y36" s="43" t="s">
        <v>121</v>
      </c>
      <c r="Z36" s="44" t="s">
        <v>91</v>
      </c>
      <c r="AA36" s="42" t="s">
        <v>181</v>
      </c>
      <c r="AB36" s="91" t="s">
        <v>104</v>
      </c>
      <c r="AC36" s="42" t="s">
        <v>182</v>
      </c>
      <c r="AD36" s="91" t="s">
        <v>104</v>
      </c>
      <c r="AE36" s="42" t="s">
        <v>183</v>
      </c>
      <c r="AF36" s="91" t="s">
        <v>104</v>
      </c>
      <c r="AG36" s="42" t="s">
        <v>357</v>
      </c>
      <c r="AH36" s="91" t="s">
        <v>104</v>
      </c>
      <c r="AI36" s="68" t="s">
        <v>89</v>
      </c>
      <c r="AJ36" s="69" t="s">
        <v>121</v>
      </c>
      <c r="AK36" s="70" t="s">
        <v>91</v>
      </c>
      <c r="AL36" s="68" t="s">
        <v>181</v>
      </c>
      <c r="AM36" s="90" t="s">
        <v>104</v>
      </c>
      <c r="AN36" s="68" t="s">
        <v>182</v>
      </c>
      <c r="AO36" s="90" t="s">
        <v>104</v>
      </c>
      <c r="AP36" s="68" t="s">
        <v>183</v>
      </c>
      <c r="AQ36" s="90" t="s">
        <v>104</v>
      </c>
      <c r="AR36" s="68" t="s">
        <v>357</v>
      </c>
      <c r="AS36" s="90" t="s">
        <v>104</v>
      </c>
    </row>
    <row r="37" spans="1:45">
      <c r="A37" s="45" t="s">
        <v>435</v>
      </c>
      <c r="B37" s="99">
        <v>8579</v>
      </c>
      <c r="C37" s="100">
        <v>4.5</v>
      </c>
      <c r="D37" s="101">
        <v>3.9199999999999999E-2</v>
      </c>
      <c r="E37" s="102">
        <v>0.217</v>
      </c>
      <c r="F37" s="94">
        <v>8.9005438874569607E-3</v>
      </c>
      <c r="G37" s="102">
        <v>0.24399999999999999</v>
      </c>
      <c r="H37" s="94">
        <v>9.2733815502201253E-3</v>
      </c>
      <c r="I37" s="102">
        <v>0.52</v>
      </c>
      <c r="J37" s="94">
        <v>1.0785320473258423E-2</v>
      </c>
      <c r="K37" s="93">
        <v>1.9E-2</v>
      </c>
      <c r="L37" s="94">
        <v>2.9642788130103989E-3</v>
      </c>
      <c r="M37" s="99">
        <v>8573</v>
      </c>
      <c r="N37" s="100">
        <v>4.7</v>
      </c>
      <c r="O37" s="101">
        <v>3.9199999999999999E-2</v>
      </c>
      <c r="P37" s="102">
        <v>0.157</v>
      </c>
      <c r="Q37" s="94">
        <v>7.8596974369174438E-3</v>
      </c>
      <c r="R37" s="102">
        <v>0.248</v>
      </c>
      <c r="S37" s="94">
        <v>9.3275157526843833E-3</v>
      </c>
      <c r="T37" s="102">
        <v>0.57799999999999996</v>
      </c>
      <c r="U37" s="94">
        <v>1.0665653882230933E-2</v>
      </c>
      <c r="V37" s="93">
        <v>1.7000000000000001E-2</v>
      </c>
      <c r="W37" s="94">
        <v>2.8097785764018457E-3</v>
      </c>
      <c r="X37" s="99">
        <v>8549</v>
      </c>
      <c r="Y37" s="100">
        <v>4.0999999999999996</v>
      </c>
      <c r="Z37" s="101">
        <v>3.9199999999999999E-2</v>
      </c>
      <c r="AA37" s="102">
        <v>0.151</v>
      </c>
      <c r="AB37" s="94">
        <v>7.746507017582273E-3</v>
      </c>
      <c r="AC37" s="102">
        <v>0.248</v>
      </c>
      <c r="AD37" s="94">
        <v>9.3405974024513751E-3</v>
      </c>
      <c r="AE37" s="102">
        <v>0.58599999999999997</v>
      </c>
      <c r="AF37" s="94">
        <v>1.0651871744154428E-2</v>
      </c>
      <c r="AG37" s="93">
        <v>1.4999999999999999E-2</v>
      </c>
      <c r="AH37" s="94">
        <v>2.6481555205133981E-3</v>
      </c>
      <c r="AI37" s="99">
        <v>8542</v>
      </c>
      <c r="AJ37" s="100">
        <v>4.8</v>
      </c>
      <c r="AK37" s="101">
        <v>3.9199999999999999E-2</v>
      </c>
      <c r="AL37" s="102">
        <v>0.28199999999999997</v>
      </c>
      <c r="AM37" s="94">
        <v>9.7360550885938011E-3</v>
      </c>
      <c r="AN37" s="102">
        <v>0.26300000000000001</v>
      </c>
      <c r="AO37" s="94">
        <v>9.5261859184403042E-3</v>
      </c>
      <c r="AP37" s="102">
        <v>0.38900000000000001</v>
      </c>
      <c r="AQ37" s="94">
        <v>1.0547620410977942E-2</v>
      </c>
      <c r="AR37" s="93">
        <v>6.6000000000000003E-2</v>
      </c>
      <c r="AS37" s="94">
        <v>5.3791547440763463E-3</v>
      </c>
    </row>
    <row r="38" spans="1:45">
      <c r="A38" s="49" t="s">
        <v>436</v>
      </c>
      <c r="B38" s="103">
        <v>8696</v>
      </c>
      <c r="C38" s="104">
        <v>4.4594611108365676</v>
      </c>
      <c r="D38" s="105">
        <v>3.9199999999999999E-2</v>
      </c>
      <c r="E38" s="106">
        <v>0.23499999999999999</v>
      </c>
      <c r="F38" s="97">
        <v>9.0931213074317858E-3</v>
      </c>
      <c r="G38" s="106">
        <v>0.24199999999999999</v>
      </c>
      <c r="H38" s="97">
        <v>9.1851252615988647E-3</v>
      </c>
      <c r="I38" s="106">
        <v>0.505</v>
      </c>
      <c r="J38" s="97">
        <v>1.072058977154507E-2</v>
      </c>
      <c r="K38" s="96">
        <v>1.9E-2</v>
      </c>
      <c r="L38" s="97">
        <v>2.9440527887616471E-3</v>
      </c>
      <c r="M38" s="103">
        <v>8886</v>
      </c>
      <c r="N38" s="104">
        <v>4.7</v>
      </c>
      <c r="O38" s="105">
        <v>3.9199999999999999E-2</v>
      </c>
      <c r="P38" s="106">
        <v>0.16900000000000001</v>
      </c>
      <c r="Q38" s="97">
        <v>7.9519810379309573E-3</v>
      </c>
      <c r="R38" s="106">
        <v>0.245</v>
      </c>
      <c r="S38" s="97">
        <v>9.1243996556466256E-3</v>
      </c>
      <c r="T38" s="106">
        <v>0.56999999999999995</v>
      </c>
      <c r="U38" s="97">
        <v>1.050158075747489E-2</v>
      </c>
      <c r="V38" s="96">
        <v>1.6E-2</v>
      </c>
      <c r="W38" s="97">
        <v>2.679317662789837E-3</v>
      </c>
      <c r="X38" s="103">
        <v>7949</v>
      </c>
      <c r="Y38" s="104">
        <v>4.0999999999999996</v>
      </c>
      <c r="Z38" s="105">
        <v>3.9199999999999999E-2</v>
      </c>
      <c r="AA38" s="106">
        <v>0.152</v>
      </c>
      <c r="AB38" s="97">
        <v>8.0554406463226938E-3</v>
      </c>
      <c r="AC38" s="106">
        <v>0.251</v>
      </c>
      <c r="AD38" s="97">
        <v>9.7255524671177353E-3</v>
      </c>
      <c r="AE38" s="106">
        <v>0.58499999999999996</v>
      </c>
      <c r="AF38" s="97">
        <v>1.1050272417136468E-2</v>
      </c>
      <c r="AG38" s="96">
        <v>1.2E-2</v>
      </c>
      <c r="AH38" s="97">
        <v>2.4664723881987986E-3</v>
      </c>
      <c r="AI38" s="103">
        <v>7943</v>
      </c>
      <c r="AJ38" s="104">
        <v>4.8</v>
      </c>
      <c r="AK38" s="105">
        <v>3.1064098662889769E-2</v>
      </c>
      <c r="AL38" s="106">
        <v>0.29799999999999999</v>
      </c>
      <c r="AM38" s="97">
        <v>1.0262370733535442E-2</v>
      </c>
      <c r="AN38" s="106">
        <v>0.26500000000000001</v>
      </c>
      <c r="AO38" s="97">
        <v>9.9027758777084224E-3</v>
      </c>
      <c r="AP38" s="106">
        <v>0.38100000000000001</v>
      </c>
      <c r="AQ38" s="97">
        <v>1.0895554149113808E-2</v>
      </c>
      <c r="AR38" s="96">
        <v>5.7000000000000002E-2</v>
      </c>
      <c r="AS38" s="97">
        <v>5.2109644305612162E-3</v>
      </c>
    </row>
    <row r="39" spans="1:45">
      <c r="A39" s="53" t="s">
        <v>437</v>
      </c>
      <c r="B39" s="99">
        <v>776</v>
      </c>
      <c r="C39" s="100">
        <v>4.4854630000000002</v>
      </c>
      <c r="D39" s="101">
        <v>0.11200224</v>
      </c>
      <c r="E39" s="102">
        <v>0.21099999999999999</v>
      </c>
      <c r="F39" s="94">
        <v>2.9293687879203952E-2</v>
      </c>
      <c r="G39" s="102">
        <v>0.24</v>
      </c>
      <c r="H39" s="94">
        <v>3.0641981889738368E-2</v>
      </c>
      <c r="I39" s="102">
        <v>0.51100000000000001</v>
      </c>
      <c r="J39" s="94">
        <v>3.5797166328443888E-2</v>
      </c>
      <c r="K39" s="93">
        <v>3.7999999999999999E-2</v>
      </c>
      <c r="L39" s="94">
        <v>1.4094835565632262E-2</v>
      </c>
      <c r="M39" s="99">
        <v>775</v>
      </c>
      <c r="N39" s="100">
        <v>4.6161969999999997</v>
      </c>
      <c r="O39" s="101">
        <v>9.871344E-2</v>
      </c>
      <c r="P39" s="102">
        <v>0.17399999999999999</v>
      </c>
      <c r="Q39" s="94">
        <v>2.7268701222223194E-2</v>
      </c>
      <c r="R39" s="102">
        <v>0.246</v>
      </c>
      <c r="S39" s="94">
        <v>3.0916247869434862E-2</v>
      </c>
      <c r="T39" s="102">
        <v>0.54300000000000004</v>
      </c>
      <c r="U39" s="94">
        <v>3.5697339893335706E-2</v>
      </c>
      <c r="V39" s="93">
        <v>3.7999999999999999E-2</v>
      </c>
      <c r="W39" s="94">
        <v>1.4104388338444851E-2</v>
      </c>
      <c r="X39" s="99">
        <v>775</v>
      </c>
      <c r="Y39" s="100">
        <v>4.3922639999999999</v>
      </c>
      <c r="Z39" s="101">
        <v>0.10447388000000001</v>
      </c>
      <c r="AA39" s="102">
        <v>0.191</v>
      </c>
      <c r="AB39" s="94">
        <v>2.8256757126653952E-2</v>
      </c>
      <c r="AC39" s="102">
        <v>0.246</v>
      </c>
      <c r="AD39" s="94">
        <v>3.0916247869434862E-2</v>
      </c>
      <c r="AE39" s="102">
        <v>0.45</v>
      </c>
      <c r="AF39" s="94">
        <v>3.56509686938574E-2</v>
      </c>
      <c r="AG39" s="93">
        <v>0.113</v>
      </c>
      <c r="AH39" s="94">
        <v>2.2859184424296783E-2</v>
      </c>
      <c r="AI39" s="99">
        <v>771</v>
      </c>
      <c r="AJ39" s="100">
        <v>4.6649089999999998</v>
      </c>
      <c r="AK39" s="101">
        <v>0.10943268</v>
      </c>
      <c r="AL39" s="102">
        <v>0.19500000000000001</v>
      </c>
      <c r="AM39" s="94">
        <v>2.8550602952036635E-2</v>
      </c>
      <c r="AN39" s="102">
        <v>0.217</v>
      </c>
      <c r="AO39" s="94">
        <v>2.9685281825217638E-2</v>
      </c>
      <c r="AP39" s="102">
        <v>0.55100000000000005</v>
      </c>
      <c r="AQ39" s="94">
        <v>3.5735644426145609E-2</v>
      </c>
      <c r="AR39" s="93">
        <v>3.6999999999999998E-2</v>
      </c>
      <c r="AS39" s="94">
        <v>1.397474786793693E-2</v>
      </c>
    </row>
    <row r="40" spans="1:45">
      <c r="A40" s="49" t="s">
        <v>438</v>
      </c>
      <c r="B40" s="103">
        <v>86</v>
      </c>
      <c r="C40" s="104">
        <v>3.5</v>
      </c>
      <c r="D40" s="105">
        <v>0.39200000000000002</v>
      </c>
      <c r="E40" s="106">
        <v>0.48599999999999999</v>
      </c>
      <c r="F40" s="97">
        <v>0.10537151946258816</v>
      </c>
      <c r="G40" s="106">
        <v>0.15</v>
      </c>
      <c r="H40" s="97">
        <v>7.8357276789005059E-2</v>
      </c>
      <c r="I40" s="106">
        <v>0.32300000000000001</v>
      </c>
      <c r="J40" s="97">
        <v>9.9195411084620821E-2</v>
      </c>
      <c r="K40" s="96">
        <v>4.1000000000000002E-2</v>
      </c>
      <c r="L40" s="97">
        <v>5.0609634568045549E-2</v>
      </c>
      <c r="M40" s="103">
        <v>86</v>
      </c>
      <c r="N40" s="104">
        <v>4</v>
      </c>
      <c r="O40" s="105">
        <v>0.3528</v>
      </c>
      <c r="P40" s="106">
        <v>0.31900000000000001</v>
      </c>
      <c r="Q40" s="97">
        <v>9.8902056107706693E-2</v>
      </c>
      <c r="R40" s="106">
        <v>0.25</v>
      </c>
      <c r="S40" s="97">
        <v>9.2599999703727412E-2</v>
      </c>
      <c r="T40" s="106">
        <v>0.42299999999999999</v>
      </c>
      <c r="U40" s="97">
        <v>0.10426170291195856</v>
      </c>
      <c r="V40" s="96">
        <v>8.0000000000000002E-3</v>
      </c>
      <c r="W40" s="97">
        <v>3.5885403339512657E-2</v>
      </c>
      <c r="X40" s="103">
        <v>86</v>
      </c>
      <c r="Y40" s="104">
        <v>3.6</v>
      </c>
      <c r="Z40" s="105">
        <v>0.3332</v>
      </c>
      <c r="AA40" s="106">
        <v>0.14299999999999999</v>
      </c>
      <c r="AB40" s="97">
        <v>7.7065065983633135E-2</v>
      </c>
      <c r="AC40" s="106">
        <v>0.314</v>
      </c>
      <c r="AD40" s="97">
        <v>9.852486707475816E-2</v>
      </c>
      <c r="AE40" s="106">
        <v>0.51800000000000002</v>
      </c>
      <c r="AF40" s="97">
        <v>0.1053468683287105</v>
      </c>
      <c r="AG40" s="96">
        <v>2.4E-2</v>
      </c>
      <c r="AH40" s="97">
        <v>4.3775452968288921E-2</v>
      </c>
      <c r="AI40" s="103">
        <v>85</v>
      </c>
      <c r="AJ40" s="104">
        <v>4.5999999999999996</v>
      </c>
      <c r="AK40" s="105">
        <v>0.3332</v>
      </c>
      <c r="AL40" s="106">
        <v>0.40899999999999997</v>
      </c>
      <c r="AM40" s="97">
        <v>0.10438619573157232</v>
      </c>
      <c r="AN40" s="106">
        <v>0.29799999999999999</v>
      </c>
      <c r="AO40" s="97">
        <v>9.7791650424692997E-2</v>
      </c>
      <c r="AP40" s="106">
        <v>0.26200000000000001</v>
      </c>
      <c r="AQ40" s="97">
        <v>9.4413191239142935E-2</v>
      </c>
      <c r="AR40" s="96">
        <v>3.2000000000000001E-2</v>
      </c>
      <c r="AS40" s="97">
        <v>4.7509258090191978E-2</v>
      </c>
    </row>
    <row r="41" spans="1:45">
      <c r="A41" s="53" t="s">
        <v>439</v>
      </c>
      <c r="B41" s="99">
        <v>595</v>
      </c>
      <c r="C41" s="100">
        <v>4.8</v>
      </c>
      <c r="D41" s="101">
        <v>0.1176</v>
      </c>
      <c r="E41" s="102">
        <v>0.13900000000000001</v>
      </c>
      <c r="F41" s="94">
        <v>2.8474128231937807E-2</v>
      </c>
      <c r="G41" s="102">
        <v>0.25800000000000001</v>
      </c>
      <c r="H41" s="94">
        <v>3.5827032573336311E-2</v>
      </c>
      <c r="I41" s="102">
        <v>0.55900000000000005</v>
      </c>
      <c r="J41" s="94">
        <v>4.0577248457974426E-2</v>
      </c>
      <c r="K41" s="93">
        <v>4.3999999999999997E-2</v>
      </c>
      <c r="L41" s="94">
        <v>1.7302539408840304E-2</v>
      </c>
      <c r="M41" s="99">
        <v>593</v>
      </c>
      <c r="N41" s="100">
        <v>5</v>
      </c>
      <c r="O41" s="101">
        <v>9.8000000000000004E-2</v>
      </c>
      <c r="P41" s="102">
        <v>0.08</v>
      </c>
      <c r="Q41" s="94">
        <v>2.2559194436526538E-2</v>
      </c>
      <c r="R41" s="102">
        <v>0.27100000000000002</v>
      </c>
      <c r="S41" s="94">
        <v>3.6446824372787415E-2</v>
      </c>
      <c r="T41" s="102">
        <v>0.61199999999999999</v>
      </c>
      <c r="U41" s="94">
        <v>3.9901346574425976E-2</v>
      </c>
      <c r="V41" s="93">
        <v>3.5999999999999997E-2</v>
      </c>
      <c r="W41" s="94">
        <v>1.5867832130374428E-2</v>
      </c>
      <c r="X41" s="99">
        <v>589</v>
      </c>
      <c r="Y41" s="100">
        <v>4.5</v>
      </c>
      <c r="Z41" s="101">
        <v>0.1176</v>
      </c>
      <c r="AA41" s="102">
        <v>0.14000000000000001</v>
      </c>
      <c r="AB41" s="94">
        <v>2.8703579130289522E-2</v>
      </c>
      <c r="AC41" s="102">
        <v>0.23300000000000001</v>
      </c>
      <c r="AD41" s="94">
        <v>3.4812869696798698E-2</v>
      </c>
      <c r="AE41" s="102">
        <v>0.60499999999999998</v>
      </c>
      <c r="AF41" s="94">
        <v>4.0161833971811944E-2</v>
      </c>
      <c r="AG41" s="93">
        <v>2.1999999999999999E-2</v>
      </c>
      <c r="AH41" s="94">
        <v>1.2878474357122069E-2</v>
      </c>
      <c r="AI41" s="99">
        <v>591</v>
      </c>
      <c r="AJ41" s="100">
        <v>4.9000000000000004</v>
      </c>
      <c r="AK41" s="101">
        <v>0.1176</v>
      </c>
      <c r="AL41" s="102">
        <v>0.193</v>
      </c>
      <c r="AM41" s="94">
        <v>3.2489321209199236E-2</v>
      </c>
      <c r="AN41" s="102">
        <v>0.27100000000000002</v>
      </c>
      <c r="AO41" s="94">
        <v>3.6508244173437628E-2</v>
      </c>
      <c r="AP41" s="102">
        <v>0.434</v>
      </c>
      <c r="AQ41" s="94">
        <v>4.0642104358917852E-2</v>
      </c>
      <c r="AR41" s="93">
        <v>0.10199999999999999</v>
      </c>
      <c r="AS41" s="94">
        <v>2.510062340562013E-2</v>
      </c>
    </row>
    <row r="42" spans="1:45">
      <c r="A42" s="49" t="s">
        <v>440</v>
      </c>
      <c r="B42" s="103">
        <v>270</v>
      </c>
      <c r="C42" s="104">
        <v>5</v>
      </c>
      <c r="D42" s="105">
        <v>0.1764</v>
      </c>
      <c r="E42" s="106">
        <v>9.2999999999999999E-2</v>
      </c>
      <c r="F42" s="97">
        <v>3.6076189546090577E-2</v>
      </c>
      <c r="G42" s="106">
        <v>0.26300000000000001</v>
      </c>
      <c r="H42" s="97">
        <v>5.3417376026021375E-2</v>
      </c>
      <c r="I42" s="106">
        <v>0.58899999999999997</v>
      </c>
      <c r="J42" s="97">
        <v>5.9475638387576669E-2</v>
      </c>
      <c r="K42" s="96">
        <v>5.5E-2</v>
      </c>
      <c r="L42" s="97">
        <v>2.9026680215487318E-2</v>
      </c>
      <c r="M42" s="103">
        <v>270</v>
      </c>
      <c r="N42" s="104">
        <v>5.0999999999999996</v>
      </c>
      <c r="O42" s="105">
        <v>0.15679999999999999</v>
      </c>
      <c r="P42" s="106">
        <v>6.4000000000000001E-2</v>
      </c>
      <c r="Q42" s="97">
        <v>3.0902185077297178E-2</v>
      </c>
      <c r="R42" s="106">
        <v>0.24099999999999999</v>
      </c>
      <c r="S42" s="97">
        <v>5.1949339895411215E-2</v>
      </c>
      <c r="T42" s="106">
        <v>0.64700000000000002</v>
      </c>
      <c r="U42" s="97">
        <v>5.7821435983487081E-2</v>
      </c>
      <c r="V42" s="96">
        <v>4.8000000000000001E-2</v>
      </c>
      <c r="W42" s="97">
        <v>2.7450696229829475E-2</v>
      </c>
      <c r="X42" s="103">
        <v>267</v>
      </c>
      <c r="Y42" s="104">
        <v>4.8</v>
      </c>
      <c r="Z42" s="105">
        <v>0.1764</v>
      </c>
      <c r="AA42" s="106">
        <v>0.14000000000000001</v>
      </c>
      <c r="AB42" s="97">
        <v>4.2815591074915969E-2</v>
      </c>
      <c r="AC42" s="106">
        <v>0.23899999999999999</v>
      </c>
      <c r="AD42" s="97">
        <v>5.20962933365854E-2</v>
      </c>
      <c r="AE42" s="106">
        <v>0.59699999999999998</v>
      </c>
      <c r="AF42" s="97">
        <v>5.9625733887432322E-2</v>
      </c>
      <c r="AG42" s="96">
        <v>2.4E-2</v>
      </c>
      <c r="AH42" s="97">
        <v>2.1065082111292772E-2</v>
      </c>
      <c r="AI42" s="103">
        <v>269</v>
      </c>
      <c r="AJ42" s="104">
        <v>4.8</v>
      </c>
      <c r="AK42" s="105">
        <v>0.19600000000000001</v>
      </c>
      <c r="AL42" s="106">
        <v>9.6000000000000002E-2</v>
      </c>
      <c r="AM42" s="97">
        <v>3.6621386690852971E-2</v>
      </c>
      <c r="AN42" s="106">
        <v>0.28499999999999998</v>
      </c>
      <c r="AO42" s="97">
        <v>5.4821676296439845E-2</v>
      </c>
      <c r="AP42" s="106">
        <v>0.5</v>
      </c>
      <c r="AQ42" s="97">
        <v>6.0522753266880239E-2</v>
      </c>
      <c r="AR42" s="96">
        <v>0.11799999999999999</v>
      </c>
      <c r="AS42" s="97">
        <v>3.9838655181284488E-2</v>
      </c>
    </row>
    <row r="43" spans="1:45">
      <c r="A43" s="53" t="s">
        <v>441</v>
      </c>
      <c r="B43" s="99">
        <v>69</v>
      </c>
      <c r="C43" s="100">
        <v>4.7</v>
      </c>
      <c r="D43" s="101">
        <v>0.3332</v>
      </c>
      <c r="E43" s="102">
        <v>0.17699999999999999</v>
      </c>
      <c r="F43" s="94">
        <v>9.2689221066449029E-2</v>
      </c>
      <c r="G43" s="102">
        <v>0.32</v>
      </c>
      <c r="H43" s="94">
        <v>0.11005687343986389</v>
      </c>
      <c r="I43" s="102">
        <v>0.48399999999999999</v>
      </c>
      <c r="J43" s="94">
        <v>0.11698759708759508</v>
      </c>
      <c r="K43" s="93">
        <v>1.9E-2</v>
      </c>
      <c r="L43" s="94">
        <v>4.8708797965371683E-2</v>
      </c>
      <c r="M43" s="99">
        <v>68</v>
      </c>
      <c r="N43" s="100">
        <v>5</v>
      </c>
      <c r="O43" s="101">
        <v>0.29399999999999998</v>
      </c>
      <c r="P43" s="102">
        <v>0.16400000000000001</v>
      </c>
      <c r="Q43" s="94">
        <v>9.1073705058520707E-2</v>
      </c>
      <c r="R43" s="102">
        <v>0.215</v>
      </c>
      <c r="S43" s="94">
        <v>9.9316918541817303E-2</v>
      </c>
      <c r="T43" s="102">
        <v>0.61899999999999999</v>
      </c>
      <c r="U43" s="94">
        <v>0.11483532597553212</v>
      </c>
      <c r="V43" s="93">
        <v>2E-3</v>
      </c>
      <c r="W43" s="94">
        <v>3.9990662490383341E-2</v>
      </c>
      <c r="X43" s="99">
        <v>68</v>
      </c>
      <c r="Y43" s="100">
        <v>4.3</v>
      </c>
      <c r="Z43" s="101">
        <v>0.3528</v>
      </c>
      <c r="AA43" s="102">
        <v>3.5000000000000003E-2</v>
      </c>
      <c r="AB43" s="94">
        <v>5.6338579089529411E-2</v>
      </c>
      <c r="AC43" s="102">
        <v>0.21299999999999999</v>
      </c>
      <c r="AD43" s="94">
        <v>9.9031107851822994E-2</v>
      </c>
      <c r="AE43" s="102">
        <v>0.751</v>
      </c>
      <c r="AF43" s="94">
        <v>0.10376379789916212</v>
      </c>
      <c r="AG43" s="93">
        <v>2E-3</v>
      </c>
      <c r="AH43" s="94">
        <v>3.9990662490383341E-2</v>
      </c>
      <c r="AI43" s="99">
        <v>68</v>
      </c>
      <c r="AJ43" s="100">
        <v>5.5</v>
      </c>
      <c r="AK43" s="101">
        <v>0.31359999999999999</v>
      </c>
      <c r="AL43" s="102">
        <v>0.28599999999999998</v>
      </c>
      <c r="AM43" s="94">
        <v>0.10779381005868774</v>
      </c>
      <c r="AN43" s="102">
        <v>0.32400000000000001</v>
      </c>
      <c r="AO43" s="94">
        <v>0.11114809261109107</v>
      </c>
      <c r="AP43" s="102">
        <v>0.32200000000000001</v>
      </c>
      <c r="AQ43" s="94">
        <v>0.11099015329723515</v>
      </c>
      <c r="AR43" s="93">
        <v>6.8000000000000005E-2</v>
      </c>
      <c r="AS43" s="94">
        <v>6.8124069820357111E-2</v>
      </c>
    </row>
    <row r="44" spans="1:45">
      <c r="A44" s="49" t="s">
        <v>442</v>
      </c>
      <c r="B44" s="103">
        <v>134</v>
      </c>
      <c r="C44" s="104">
        <v>4.5999999999999996</v>
      </c>
      <c r="D44" s="105">
        <v>0.25480000000000003</v>
      </c>
      <c r="E44" s="106">
        <v>0.17899999999999999</v>
      </c>
      <c r="F44" s="97">
        <v>6.6560601223568217E-2</v>
      </c>
      <c r="G44" s="106">
        <v>0.27700000000000002</v>
      </c>
      <c r="H44" s="97">
        <v>7.6728782703198106E-2</v>
      </c>
      <c r="I44" s="106">
        <v>0.49</v>
      </c>
      <c r="J44" s="97">
        <v>8.5109599091702501E-2</v>
      </c>
      <c r="K44" s="96">
        <v>5.5E-2</v>
      </c>
      <c r="L44" s="97">
        <v>4.2830416367421763E-2</v>
      </c>
      <c r="M44" s="103">
        <v>134</v>
      </c>
      <c r="N44" s="104">
        <v>4.8</v>
      </c>
      <c r="O44" s="105">
        <v>0.23519999999999999</v>
      </c>
      <c r="P44" s="106">
        <v>7.4999999999999997E-2</v>
      </c>
      <c r="Q44" s="97">
        <v>4.8062236421553592E-2</v>
      </c>
      <c r="R44" s="106">
        <v>0.35499999999999998</v>
      </c>
      <c r="S44" s="97">
        <v>8.1680923255488841E-2</v>
      </c>
      <c r="T44" s="106">
        <v>0.53300000000000003</v>
      </c>
      <c r="U44" s="97">
        <v>8.4950661810584985E-2</v>
      </c>
      <c r="V44" s="96">
        <v>3.6999999999999998E-2</v>
      </c>
      <c r="W44" s="97">
        <v>3.7252792610426501E-2</v>
      </c>
      <c r="X44" s="103">
        <v>134</v>
      </c>
      <c r="Y44" s="104">
        <v>4</v>
      </c>
      <c r="Z44" s="105">
        <v>0.27440000000000003</v>
      </c>
      <c r="AA44" s="106">
        <v>0.161</v>
      </c>
      <c r="AB44" s="97">
        <v>6.4075258055120446E-2</v>
      </c>
      <c r="AC44" s="106">
        <v>0.23200000000000001</v>
      </c>
      <c r="AD44" s="97">
        <v>7.2687412246687969E-2</v>
      </c>
      <c r="AE44" s="106">
        <v>0.56999999999999995</v>
      </c>
      <c r="AF44" s="97">
        <v>8.4335414052723004E-2</v>
      </c>
      <c r="AG44" s="96">
        <v>3.6999999999999998E-2</v>
      </c>
      <c r="AH44" s="97">
        <v>3.7252792610426501E-2</v>
      </c>
      <c r="AI44" s="103">
        <v>134</v>
      </c>
      <c r="AJ44" s="104">
        <v>4.7</v>
      </c>
      <c r="AK44" s="105">
        <v>0.23519999999999999</v>
      </c>
      <c r="AL44" s="106">
        <v>0.308</v>
      </c>
      <c r="AM44" s="97">
        <v>7.8986711748618654E-2</v>
      </c>
      <c r="AN44" s="106">
        <v>0.27400000000000002</v>
      </c>
      <c r="AO44" s="97">
        <v>7.6488516812287383E-2</v>
      </c>
      <c r="AP44" s="106">
        <v>0.30199999999999999</v>
      </c>
      <c r="AQ44" s="97">
        <v>7.8580846955429606E-2</v>
      </c>
      <c r="AR44" s="96">
        <v>0.11600000000000001</v>
      </c>
      <c r="AS44" s="97">
        <v>5.6713949753608994E-2</v>
      </c>
    </row>
    <row r="45" spans="1:45">
      <c r="A45" s="53" t="s">
        <v>443</v>
      </c>
      <c r="B45" s="99">
        <v>116</v>
      </c>
      <c r="C45" s="100">
        <v>4.9000000000000004</v>
      </c>
      <c r="D45" s="101">
        <v>0.25480000000000003</v>
      </c>
      <c r="E45" s="102">
        <v>0.186</v>
      </c>
      <c r="F45" s="94">
        <v>7.2541371082427974E-2</v>
      </c>
      <c r="G45" s="102">
        <v>0.19500000000000001</v>
      </c>
      <c r="H45" s="94">
        <v>7.3727721054240192E-2</v>
      </c>
      <c r="I45" s="102">
        <v>0.59799999999999998</v>
      </c>
      <c r="J45" s="94">
        <v>8.9633623816726932E-2</v>
      </c>
      <c r="K45" s="93">
        <v>2.1000000000000001E-2</v>
      </c>
      <c r="L45" s="94">
        <v>3.4448092459148941E-2</v>
      </c>
      <c r="M45" s="99">
        <v>115</v>
      </c>
      <c r="N45" s="100">
        <v>5</v>
      </c>
      <c r="O45" s="101">
        <v>0.23519999999999999</v>
      </c>
      <c r="P45" s="102">
        <v>8.5000000000000006E-2</v>
      </c>
      <c r="Q45" s="94">
        <v>5.4744190584850909E-2</v>
      </c>
      <c r="R45" s="102">
        <v>0.28000000000000003</v>
      </c>
      <c r="S45" s="94">
        <v>8.2969893519009005E-2</v>
      </c>
      <c r="T45" s="102">
        <v>0.61399999999999999</v>
      </c>
      <c r="U45" s="94">
        <v>8.9416971856106114E-2</v>
      </c>
      <c r="V45" s="93">
        <v>2.1000000000000001E-2</v>
      </c>
      <c r="W45" s="94">
        <v>3.4652836707090899E-2</v>
      </c>
      <c r="X45" s="99">
        <v>114</v>
      </c>
      <c r="Y45" s="100">
        <v>4.3</v>
      </c>
      <c r="Z45" s="101">
        <v>0.29399999999999998</v>
      </c>
      <c r="AA45" s="102">
        <v>0.16900000000000001</v>
      </c>
      <c r="AB45" s="94">
        <v>7.0768414001834798E-2</v>
      </c>
      <c r="AC45" s="102">
        <v>0.23100000000000001</v>
      </c>
      <c r="AD45" s="94">
        <v>7.8645671993762559E-2</v>
      </c>
      <c r="AE45" s="102">
        <v>0.58899999999999997</v>
      </c>
      <c r="AF45" s="94">
        <v>9.0686069598473071E-2</v>
      </c>
      <c r="AG45" s="93">
        <v>0.01</v>
      </c>
      <c r="AH45" s="94">
        <v>2.9631675888674405E-2</v>
      </c>
      <c r="AI45" s="99">
        <v>114</v>
      </c>
      <c r="AJ45" s="100">
        <v>4.8</v>
      </c>
      <c r="AK45" s="101">
        <v>0.25480000000000003</v>
      </c>
      <c r="AL45" s="102">
        <v>0.255</v>
      </c>
      <c r="AM45" s="94">
        <v>8.1089094565068937E-2</v>
      </c>
      <c r="AN45" s="102">
        <v>0.20899999999999999</v>
      </c>
      <c r="AO45" s="94">
        <v>7.612718577745306E-2</v>
      </c>
      <c r="AP45" s="102">
        <v>0.47399999999999998</v>
      </c>
      <c r="AQ45" s="94">
        <v>9.1941221776206214E-2</v>
      </c>
      <c r="AR45" s="93">
        <v>6.3E-2</v>
      </c>
      <c r="AS45" s="94">
        <v>4.93203328331073E-2</v>
      </c>
    </row>
    <row r="46" spans="1:45">
      <c r="A46" s="49" t="s">
        <v>444</v>
      </c>
      <c r="B46" s="103">
        <v>568</v>
      </c>
      <c r="C46" s="104">
        <v>4.5999999999999996</v>
      </c>
      <c r="D46" s="105">
        <v>0.13720000000000002</v>
      </c>
      <c r="E46" s="106">
        <v>0.20200000000000001</v>
      </c>
      <c r="F46" s="97">
        <v>3.3703112603426191E-2</v>
      </c>
      <c r="G46" s="106">
        <v>0.224</v>
      </c>
      <c r="H46" s="97">
        <v>3.4971084302362752E-2</v>
      </c>
      <c r="I46" s="106">
        <v>0.56399999999999995</v>
      </c>
      <c r="J46" s="97">
        <v>4.1472974299818194E-2</v>
      </c>
      <c r="K46" s="96">
        <v>0.01</v>
      </c>
      <c r="L46" s="97">
        <v>9.6245245282956214E-3</v>
      </c>
      <c r="M46" s="103">
        <v>575</v>
      </c>
      <c r="N46" s="104">
        <v>4.8</v>
      </c>
      <c r="O46" s="105">
        <v>0.1176</v>
      </c>
      <c r="P46" s="106">
        <v>0.13700000000000001</v>
      </c>
      <c r="Q46" s="97">
        <v>2.8798070551197867E-2</v>
      </c>
      <c r="R46" s="106">
        <v>0.26800000000000002</v>
      </c>
      <c r="S46" s="97">
        <v>3.6883527021265523E-2</v>
      </c>
      <c r="T46" s="106">
        <v>0.58599999999999997</v>
      </c>
      <c r="U46" s="97">
        <v>4.0947823659948104E-2</v>
      </c>
      <c r="V46" s="96">
        <v>0.01</v>
      </c>
      <c r="W46" s="97">
        <v>9.5515995820497461E-3</v>
      </c>
      <c r="X46" s="103">
        <v>574</v>
      </c>
      <c r="Y46" s="104">
        <v>3.9</v>
      </c>
      <c r="Z46" s="105">
        <v>0.1176</v>
      </c>
      <c r="AA46" s="106">
        <v>0.16700000000000001</v>
      </c>
      <c r="AB46" s="97">
        <v>3.1197604949270714E-2</v>
      </c>
      <c r="AC46" s="106">
        <v>0.224</v>
      </c>
      <c r="AD46" s="97">
        <v>3.4788007605151654E-2</v>
      </c>
      <c r="AE46" s="106">
        <v>0.6</v>
      </c>
      <c r="AF46" s="97">
        <v>4.0765845785185405E-2</v>
      </c>
      <c r="AG46" s="96">
        <v>8.9999999999999993E-3</v>
      </c>
      <c r="AH46" s="97">
        <v>9.2051645497309206E-3</v>
      </c>
      <c r="AI46" s="103">
        <v>573</v>
      </c>
      <c r="AJ46" s="104">
        <v>4.8</v>
      </c>
      <c r="AK46" s="105">
        <v>0.1176</v>
      </c>
      <c r="AL46" s="106">
        <v>0.34899999999999998</v>
      </c>
      <c r="AM46" s="97">
        <v>3.971423363388956E-2</v>
      </c>
      <c r="AN46" s="106">
        <v>0.27200000000000002</v>
      </c>
      <c r="AO46" s="97">
        <v>3.7117477133476011E-2</v>
      </c>
      <c r="AP46" s="106">
        <v>0.33700000000000002</v>
      </c>
      <c r="AQ46" s="97">
        <v>3.9388576363362515E-2</v>
      </c>
      <c r="AR46" s="96">
        <v>4.2999999999999997E-2</v>
      </c>
      <c r="AS46" s="97">
        <v>1.7472259062894006E-2</v>
      </c>
    </row>
    <row r="47" spans="1:45">
      <c r="A47" s="45" t="s">
        <v>445</v>
      </c>
      <c r="B47" s="99">
        <v>506</v>
      </c>
      <c r="C47" s="100">
        <v>4.6399999999999997</v>
      </c>
      <c r="D47" s="101">
        <v>0.13720000000000002</v>
      </c>
      <c r="E47" s="102">
        <v>0.20100000000000001</v>
      </c>
      <c r="F47" s="94">
        <v>3.5644857082233375E-2</v>
      </c>
      <c r="G47" s="102">
        <v>0.218</v>
      </c>
      <c r="H47" s="94">
        <v>3.6698938745248176E-2</v>
      </c>
      <c r="I47" s="102">
        <v>0.56999999999999995</v>
      </c>
      <c r="J47" s="94">
        <v>4.3851492815385321E-2</v>
      </c>
      <c r="K47" s="93">
        <v>1.0999999999999999E-2</v>
      </c>
      <c r="L47" s="94">
        <v>1.0706497263606224E-2</v>
      </c>
      <c r="M47" s="99">
        <v>509</v>
      </c>
      <c r="N47" s="100">
        <v>4.8</v>
      </c>
      <c r="O47" s="101">
        <v>0.1176</v>
      </c>
      <c r="P47" s="102">
        <v>0.13300000000000001</v>
      </c>
      <c r="Q47" s="94">
        <v>3.0255987052358432E-2</v>
      </c>
      <c r="R47" s="102">
        <v>0.30199999999999999</v>
      </c>
      <c r="S47" s="94">
        <v>4.0600270303062833E-2</v>
      </c>
      <c r="T47" s="102">
        <v>0.55800000000000005</v>
      </c>
      <c r="U47" s="94">
        <v>4.3857669451518429E-2</v>
      </c>
      <c r="V47" s="93">
        <v>7.0000000000000001E-3</v>
      </c>
      <c r="W47" s="94">
        <v>9.1453334156698634E-3</v>
      </c>
      <c r="X47" s="99">
        <v>490</v>
      </c>
      <c r="Y47" s="100">
        <v>3.85</v>
      </c>
      <c r="Z47" s="101">
        <v>0.13720000000000002</v>
      </c>
      <c r="AA47" s="102">
        <v>0.35599999999999998</v>
      </c>
      <c r="AB47" s="94">
        <v>4.3117243995933321E-2</v>
      </c>
      <c r="AC47" s="102">
        <v>0.31</v>
      </c>
      <c r="AD47" s="94">
        <v>4.1673713160561364E-2</v>
      </c>
      <c r="AE47" s="102">
        <v>0.30199999999999999</v>
      </c>
      <c r="AF47" s="94">
        <v>4.1375960887968209E-2</v>
      </c>
      <c r="AG47" s="93">
        <v>3.2000000000000001E-2</v>
      </c>
      <c r="AH47" s="94">
        <v>1.6715913351384473E-2</v>
      </c>
      <c r="AI47" s="99">
        <v>506</v>
      </c>
      <c r="AJ47" s="100">
        <v>4.84</v>
      </c>
      <c r="AK47" s="101">
        <v>0.1176</v>
      </c>
      <c r="AL47" s="102">
        <v>0.14799999999999999</v>
      </c>
      <c r="AM47" s="94">
        <v>3.1688678033401689E-2</v>
      </c>
      <c r="AN47" s="102">
        <v>0.223</v>
      </c>
      <c r="AO47" s="94">
        <v>3.6991771441939721E-2</v>
      </c>
      <c r="AP47" s="102">
        <v>0.62</v>
      </c>
      <c r="AQ47" s="94">
        <v>4.300706704715368E-2</v>
      </c>
      <c r="AR47" s="93">
        <v>8.9999999999999993E-3</v>
      </c>
      <c r="AS47" s="94">
        <v>9.974804610644138E-3</v>
      </c>
    </row>
    <row r="48" spans="1:45" ht="25.5">
      <c r="A48" s="49" t="s">
        <v>450</v>
      </c>
      <c r="B48" s="103">
        <v>116</v>
      </c>
      <c r="C48" s="104">
        <v>4.3</v>
      </c>
      <c r="D48" s="105">
        <v>0.31359999999999999</v>
      </c>
      <c r="E48" s="106">
        <v>0.27600000000000002</v>
      </c>
      <c r="F48" s="97">
        <v>8.2282706882138068E-2</v>
      </c>
      <c r="G48" s="106">
        <v>0.26700000000000002</v>
      </c>
      <c r="H48" s="97">
        <v>8.1500500112076116E-2</v>
      </c>
      <c r="I48" s="106">
        <v>0.44700000000000001</v>
      </c>
      <c r="J48" s="97">
        <v>9.0806597696341348E-2</v>
      </c>
      <c r="K48" s="96">
        <v>8.9999999999999993E-3</v>
      </c>
      <c r="L48" s="97">
        <v>2.8707257438313913E-2</v>
      </c>
      <c r="M48" s="103">
        <v>116</v>
      </c>
      <c r="N48" s="104">
        <v>4.5999999999999996</v>
      </c>
      <c r="O48" s="105">
        <v>0.25480000000000003</v>
      </c>
      <c r="P48" s="106">
        <v>0.188</v>
      </c>
      <c r="Q48" s="97">
        <v>7.2809669687480386E-2</v>
      </c>
      <c r="R48" s="106">
        <v>0.307</v>
      </c>
      <c r="S48" s="97">
        <v>8.4694131809488205E-2</v>
      </c>
      <c r="T48" s="106">
        <v>0.50600000000000001</v>
      </c>
      <c r="U48" s="97">
        <v>9.1280950915292286E-2</v>
      </c>
      <c r="V48" s="96">
        <v>0</v>
      </c>
      <c r="W48" s="97">
        <v>2.3372982186625143E-2</v>
      </c>
      <c r="X48" s="103">
        <v>116</v>
      </c>
      <c r="Y48" s="104">
        <v>3.3</v>
      </c>
      <c r="Z48" s="105">
        <v>0.29399999999999998</v>
      </c>
      <c r="AA48" s="106">
        <v>0.22500000000000001</v>
      </c>
      <c r="AB48" s="97">
        <v>7.7315940333346725E-2</v>
      </c>
      <c r="AC48" s="106">
        <v>0.184</v>
      </c>
      <c r="AD48" s="97">
        <v>7.2270352509530858E-2</v>
      </c>
      <c r="AE48" s="106">
        <v>0.59099999999999997</v>
      </c>
      <c r="AF48" s="97">
        <v>8.9863204475015904E-2</v>
      </c>
      <c r="AG48" s="96">
        <v>0</v>
      </c>
      <c r="AH48" s="97">
        <v>2.3372982186625143E-2</v>
      </c>
      <c r="AI48" s="103">
        <v>116</v>
      </c>
      <c r="AJ48" s="104">
        <v>4.5999999999999996</v>
      </c>
      <c r="AK48" s="105">
        <v>0.25480000000000003</v>
      </c>
      <c r="AL48" s="106">
        <v>0.495</v>
      </c>
      <c r="AM48" s="97">
        <v>9.1282827682043405E-2</v>
      </c>
      <c r="AN48" s="106">
        <v>0.29299999999999998</v>
      </c>
      <c r="AO48" s="97">
        <v>8.3658032090967407E-2</v>
      </c>
      <c r="AP48" s="106">
        <v>0.20399999999999999</v>
      </c>
      <c r="AQ48" s="97">
        <v>7.486158684656094E-2</v>
      </c>
      <c r="AR48" s="96">
        <v>8.9999999999999993E-3</v>
      </c>
      <c r="AS48" s="97">
        <v>2.8707257438313913E-2</v>
      </c>
    </row>
    <row r="49" spans="1:45">
      <c r="A49" s="53" t="s">
        <v>447</v>
      </c>
      <c r="B49" s="83">
        <v>168</v>
      </c>
      <c r="C49" s="84">
        <v>5</v>
      </c>
      <c r="D49" s="85">
        <v>0.19600000000000001</v>
      </c>
      <c r="E49" s="98">
        <v>9.8000000000000004E-2</v>
      </c>
      <c r="F49" s="94">
        <v>4.7206883701602066E-2</v>
      </c>
      <c r="G49" s="98">
        <v>0.20699999999999999</v>
      </c>
      <c r="H49" s="94">
        <v>6.2523957600275362E-2</v>
      </c>
      <c r="I49" s="98">
        <v>0.68700000000000006</v>
      </c>
      <c r="J49" s="94">
        <v>7.097961592929275E-2</v>
      </c>
      <c r="K49" s="98">
        <v>8.0000000000000002E-3</v>
      </c>
      <c r="L49" s="94">
        <v>2.105578113552755E-2</v>
      </c>
      <c r="M49" s="83">
        <v>168</v>
      </c>
      <c r="N49" s="84">
        <v>5.0999999999999996</v>
      </c>
      <c r="O49" s="85">
        <v>0.1764</v>
      </c>
      <c r="P49" s="98">
        <v>3.6999999999999998E-2</v>
      </c>
      <c r="Q49" s="94">
        <v>3.2523949443581661E-2</v>
      </c>
      <c r="R49" s="98">
        <v>0.29399999999999998</v>
      </c>
      <c r="S49" s="94">
        <v>6.9802848055717612E-2</v>
      </c>
      <c r="T49" s="98">
        <v>0.65300000000000002</v>
      </c>
      <c r="U49" s="94">
        <v>7.2763895075294599E-2</v>
      </c>
      <c r="V49" s="98">
        <v>1.4999999999999999E-2</v>
      </c>
      <c r="W49" s="94">
        <v>2.4394280810668766E-2</v>
      </c>
      <c r="X49" s="83">
        <v>167</v>
      </c>
      <c r="Y49" s="84">
        <v>4.3</v>
      </c>
      <c r="Z49" s="85">
        <v>0.19600000000000001</v>
      </c>
      <c r="AA49" s="98">
        <v>6.9000000000000006E-2</v>
      </c>
      <c r="AB49" s="94">
        <v>4.1274414421509822E-2</v>
      </c>
      <c r="AC49" s="98">
        <v>0.28499999999999998</v>
      </c>
      <c r="AD49" s="94">
        <v>6.9402172277847229E-2</v>
      </c>
      <c r="AE49" s="98">
        <v>0.63100000000000001</v>
      </c>
      <c r="AF49" s="94">
        <v>7.3926225861557962E-2</v>
      </c>
      <c r="AG49" s="98">
        <v>1.4999999999999999E-2</v>
      </c>
      <c r="AH49" s="94">
        <v>2.4495359949259537E-2</v>
      </c>
      <c r="AI49" s="83">
        <v>168</v>
      </c>
      <c r="AJ49" s="84">
        <v>5.0999999999999996</v>
      </c>
      <c r="AK49" s="85">
        <v>0.1764</v>
      </c>
      <c r="AL49" s="98">
        <v>0.23200000000000001</v>
      </c>
      <c r="AM49" s="94">
        <v>6.4964714283239772E-2</v>
      </c>
      <c r="AN49" s="98">
        <v>0.317</v>
      </c>
      <c r="AO49" s="94">
        <v>7.1210548597111858E-2</v>
      </c>
      <c r="AP49" s="98">
        <v>0.39700000000000002</v>
      </c>
      <c r="AQ49" s="94">
        <v>7.4689855505627206E-2</v>
      </c>
      <c r="AR49" s="98">
        <v>5.2999999999999999E-2</v>
      </c>
      <c r="AS49" s="94">
        <v>3.7159736457065391E-2</v>
      </c>
    </row>
    <row r="50" spans="1:45">
      <c r="A50" s="49" t="s">
        <v>446</v>
      </c>
      <c r="B50" s="103">
        <v>107</v>
      </c>
      <c r="C50" s="104">
        <v>5.0999999999999996</v>
      </c>
      <c r="D50" s="105">
        <v>0.21559999999999999</v>
      </c>
      <c r="E50" s="106">
        <v>9.6000000000000002E-2</v>
      </c>
      <c r="F50" s="97">
        <v>5.9528284953271768E-2</v>
      </c>
      <c r="G50" s="106">
        <v>0.16900000000000001</v>
      </c>
      <c r="H50" s="97">
        <v>7.3077279303496528E-2</v>
      </c>
      <c r="I50" s="106">
        <v>0.72499999999999998</v>
      </c>
      <c r="J50" s="97">
        <v>8.552074870342756E-2</v>
      </c>
      <c r="K50" s="96">
        <v>1.0999999999999999E-2</v>
      </c>
      <c r="L50" s="97">
        <v>3.1652632867943307E-2</v>
      </c>
      <c r="M50" s="103">
        <v>107</v>
      </c>
      <c r="N50" s="104">
        <v>5.0999999999999996</v>
      </c>
      <c r="O50" s="105">
        <v>0.21559999999999999</v>
      </c>
      <c r="P50" s="106">
        <v>3.5999999999999997E-2</v>
      </c>
      <c r="Q50" s="97">
        <v>4.2422689121966853E-2</v>
      </c>
      <c r="R50" s="106">
        <v>0.26600000000000001</v>
      </c>
      <c r="S50" s="97">
        <v>8.4708141745037283E-2</v>
      </c>
      <c r="T50" s="106">
        <v>0.67800000000000005</v>
      </c>
      <c r="U50" s="97">
        <v>8.9151836635419507E-2</v>
      </c>
      <c r="V50" s="96">
        <v>2.1000000000000001E-2</v>
      </c>
      <c r="W50" s="97">
        <v>3.6414697135827033E-2</v>
      </c>
      <c r="X50" s="103">
        <v>106</v>
      </c>
      <c r="Y50" s="104">
        <v>4.2</v>
      </c>
      <c r="Z50" s="105">
        <v>0.23519999999999999</v>
      </c>
      <c r="AA50" s="106">
        <v>6.3E-2</v>
      </c>
      <c r="AB50" s="97">
        <v>5.140468091657837E-2</v>
      </c>
      <c r="AC50" s="106">
        <v>0.218</v>
      </c>
      <c r="AD50" s="97">
        <v>8.0035085018755545E-2</v>
      </c>
      <c r="AE50" s="106">
        <v>0.69899999999999995</v>
      </c>
      <c r="AF50" s="97">
        <v>8.8055087668530235E-2</v>
      </c>
      <c r="AG50" s="96">
        <v>2.1000000000000001E-2</v>
      </c>
      <c r="AH50" s="97">
        <v>3.6651789054172039E-2</v>
      </c>
      <c r="AI50" s="103">
        <v>107</v>
      </c>
      <c r="AJ50" s="104">
        <v>5.3</v>
      </c>
      <c r="AK50" s="105">
        <v>0.23519999999999999</v>
      </c>
      <c r="AL50" s="106">
        <v>0.248</v>
      </c>
      <c r="AM50" s="97">
        <v>8.2961056495323829E-2</v>
      </c>
      <c r="AN50" s="106">
        <v>0.28899999999999998</v>
      </c>
      <c r="AO50" s="97">
        <v>8.6707524520049331E-2</v>
      </c>
      <c r="AP50" s="106">
        <v>0.41299999999999998</v>
      </c>
      <c r="AQ50" s="97">
        <v>9.3571129073444476E-2</v>
      </c>
      <c r="AR50" s="96">
        <v>5.0999999999999997E-2</v>
      </c>
      <c r="AS50" s="97">
        <v>4.752126259854586E-2</v>
      </c>
    </row>
    <row r="51" spans="1:45">
      <c r="A51" s="57" t="s">
        <v>451</v>
      </c>
      <c r="B51" s="99">
        <v>59</v>
      </c>
      <c r="C51" s="100">
        <v>4.4000000000000004</v>
      </c>
      <c r="D51" s="101">
        <v>0.41159999999999997</v>
      </c>
      <c r="E51" s="102">
        <v>0.25600000000000001</v>
      </c>
      <c r="F51" s="94">
        <v>0.11206124259638861</v>
      </c>
      <c r="G51" s="102">
        <v>0.22700000000000001</v>
      </c>
      <c r="H51" s="94">
        <v>0.10827201357766585</v>
      </c>
      <c r="I51" s="102">
        <v>0.51700000000000002</v>
      </c>
      <c r="J51" s="94">
        <v>0.12592427388919958</v>
      </c>
      <c r="K51" s="93">
        <v>0</v>
      </c>
      <c r="L51" s="94">
        <v>4.4177291598495712E-2</v>
      </c>
      <c r="M51" s="99">
        <v>59</v>
      </c>
      <c r="N51" s="100">
        <v>4.5999999999999996</v>
      </c>
      <c r="O51" s="101">
        <v>0.3528</v>
      </c>
      <c r="P51" s="102">
        <v>0.215</v>
      </c>
      <c r="Q51" s="94">
        <v>0.10653618449982961</v>
      </c>
      <c r="R51" s="102">
        <v>0.17899999999999999</v>
      </c>
      <c r="S51" s="94">
        <v>0.10067334831455918</v>
      </c>
      <c r="T51" s="102">
        <v>0.59299999999999997</v>
      </c>
      <c r="U51" s="94">
        <v>0.12406204784041613</v>
      </c>
      <c r="V51" s="93">
        <v>1.4E-2</v>
      </c>
      <c r="W51" s="94">
        <v>5.2156650242908262E-2</v>
      </c>
      <c r="X51" s="99">
        <v>59</v>
      </c>
      <c r="Y51" s="100">
        <v>4.2</v>
      </c>
      <c r="Z51" s="101">
        <v>0.37240000000000001</v>
      </c>
      <c r="AA51" s="102">
        <v>0.27100000000000002</v>
      </c>
      <c r="AB51" s="94">
        <v>0.11381041663900593</v>
      </c>
      <c r="AC51" s="102">
        <v>0.26400000000000001</v>
      </c>
      <c r="AD51" s="94">
        <v>0.11301130267255587</v>
      </c>
      <c r="AE51" s="102">
        <v>0.46600000000000003</v>
      </c>
      <c r="AF51" s="94">
        <v>0.12573242779426863</v>
      </c>
      <c r="AG51" s="93">
        <v>0</v>
      </c>
      <c r="AH51" s="94">
        <v>4.4177291598495712E-2</v>
      </c>
      <c r="AI51" s="99">
        <v>59</v>
      </c>
      <c r="AJ51" s="100">
        <v>4.3</v>
      </c>
      <c r="AK51" s="101">
        <v>0.39200000000000002</v>
      </c>
      <c r="AL51" s="102">
        <v>0.252</v>
      </c>
      <c r="AM51" s="94">
        <v>0.11157120133350812</v>
      </c>
      <c r="AN51" s="102">
        <v>0.20200000000000001</v>
      </c>
      <c r="AO51" s="94">
        <v>0.10453668240106974</v>
      </c>
      <c r="AP51" s="102">
        <v>0.49099999999999999</v>
      </c>
      <c r="AQ51" s="94">
        <v>0.12597025579475157</v>
      </c>
      <c r="AR51" s="93">
        <v>5.5E-2</v>
      </c>
      <c r="AS51" s="94">
        <v>6.961241680151814E-2</v>
      </c>
    </row>
    <row r="52" spans="1:45">
      <c r="A52" s="49" t="s">
        <v>448</v>
      </c>
      <c r="B52" s="103">
        <v>99</v>
      </c>
      <c r="C52" s="104">
        <v>4.9000000000000004</v>
      </c>
      <c r="D52" s="105">
        <v>0.31359999999999999</v>
      </c>
      <c r="E52" s="106">
        <v>0.16500000000000001</v>
      </c>
      <c r="F52" s="97">
        <v>7.5381811906634219E-2</v>
      </c>
      <c r="G52" s="106">
        <v>0.15</v>
      </c>
      <c r="H52" s="97">
        <v>7.2895673372640676E-2</v>
      </c>
      <c r="I52" s="106">
        <v>0.68600000000000005</v>
      </c>
      <c r="J52" s="97">
        <v>9.2019181597711414E-2</v>
      </c>
      <c r="K52" s="96">
        <v>0</v>
      </c>
      <c r="L52" s="97">
        <v>2.7192544212657866E-2</v>
      </c>
      <c r="M52" s="103">
        <v>99</v>
      </c>
      <c r="N52" s="104">
        <v>4.9000000000000004</v>
      </c>
      <c r="O52" s="105">
        <v>0.27440000000000003</v>
      </c>
      <c r="P52" s="106">
        <v>9.8000000000000004E-2</v>
      </c>
      <c r="Q52" s="97">
        <v>6.2536682317796202E-2</v>
      </c>
      <c r="R52" s="106">
        <v>0.28299999999999997</v>
      </c>
      <c r="S52" s="97">
        <v>8.9550632338593047E-2</v>
      </c>
      <c r="T52" s="106">
        <v>0.62</v>
      </c>
      <c r="U52" s="97">
        <v>9.5875471253321201E-2</v>
      </c>
      <c r="V52" s="96">
        <v>0</v>
      </c>
      <c r="W52" s="97">
        <v>2.7192544212657866E-2</v>
      </c>
      <c r="X52" s="103">
        <v>99</v>
      </c>
      <c r="Y52" s="104">
        <v>4.2</v>
      </c>
      <c r="Z52" s="105">
        <v>0.29399999999999998</v>
      </c>
      <c r="AA52" s="106">
        <v>0.10100000000000001</v>
      </c>
      <c r="AB52" s="97">
        <v>6.3222223779535611E-2</v>
      </c>
      <c r="AC52" s="106">
        <v>0.159</v>
      </c>
      <c r="AD52" s="97">
        <v>7.4410345973605782E-2</v>
      </c>
      <c r="AE52" s="106">
        <v>0.74</v>
      </c>
      <c r="AF52" s="97">
        <v>8.7419736672862777E-2</v>
      </c>
      <c r="AG52" s="96">
        <v>0</v>
      </c>
      <c r="AH52" s="97">
        <v>2.7192544212657866E-2</v>
      </c>
      <c r="AI52" s="103">
        <v>98</v>
      </c>
      <c r="AJ52" s="104">
        <v>5.2</v>
      </c>
      <c r="AK52" s="105">
        <v>0.27440000000000003</v>
      </c>
      <c r="AL52" s="106">
        <v>0.28399999999999997</v>
      </c>
      <c r="AM52" s="97">
        <v>9.0083086539560403E-2</v>
      </c>
      <c r="AN52" s="106">
        <v>0.28399999999999997</v>
      </c>
      <c r="AO52" s="97">
        <v>9.0083086539560403E-2</v>
      </c>
      <c r="AP52" s="106">
        <v>0.4</v>
      </c>
      <c r="AQ52" s="97">
        <v>9.7169537513501922E-2</v>
      </c>
      <c r="AR52" s="96">
        <v>3.2000000000000001E-2</v>
      </c>
      <c r="AS52" s="97">
        <v>4.3303544432818399E-2</v>
      </c>
    </row>
    <row r="53" spans="1:45">
      <c r="A53" s="57" t="s">
        <v>449</v>
      </c>
      <c r="B53" s="99">
        <v>125</v>
      </c>
      <c r="C53" s="100">
        <v>4.4000000000000004</v>
      </c>
      <c r="D53" s="101">
        <v>0.31359999999999999</v>
      </c>
      <c r="E53" s="102">
        <v>0.25</v>
      </c>
      <c r="F53" s="94">
        <v>7.7021264847776938E-2</v>
      </c>
      <c r="G53" s="102">
        <v>0.21199999999999999</v>
      </c>
      <c r="H53" s="94">
        <v>7.3055159133132513E-2</v>
      </c>
      <c r="I53" s="102">
        <v>0.505</v>
      </c>
      <c r="J53" s="94">
        <v>8.8040957056348651E-2</v>
      </c>
      <c r="K53" s="93">
        <v>3.3000000000000002E-2</v>
      </c>
      <c r="L53" s="94">
        <v>3.7448139173910627E-2</v>
      </c>
      <c r="M53" s="99">
        <v>125</v>
      </c>
      <c r="N53" s="100">
        <v>4.9000000000000004</v>
      </c>
      <c r="O53" s="101">
        <v>0.25480000000000003</v>
      </c>
      <c r="P53" s="102">
        <v>0.18</v>
      </c>
      <c r="Q53" s="94">
        <v>6.9069548585957652E-2</v>
      </c>
      <c r="R53" s="102">
        <v>0.20599999999999999</v>
      </c>
      <c r="S53" s="94">
        <v>7.2355981639647918E-2</v>
      </c>
      <c r="T53" s="102">
        <v>0.59299999999999997</v>
      </c>
      <c r="U53" s="94">
        <v>8.6603266538214291E-2</v>
      </c>
      <c r="V53" s="93">
        <v>2.1000000000000001E-2</v>
      </c>
      <c r="W53" s="94">
        <v>3.2739183614645513E-2</v>
      </c>
      <c r="X53" s="99">
        <v>125</v>
      </c>
      <c r="Y53" s="100">
        <v>3.8</v>
      </c>
      <c r="Z53" s="101">
        <v>0.29399999999999998</v>
      </c>
      <c r="AA53" s="102">
        <v>0.16400000000000001</v>
      </c>
      <c r="AB53" s="94">
        <v>6.6820772660891758E-2</v>
      </c>
      <c r="AC53" s="102">
        <v>0.23499999999999999</v>
      </c>
      <c r="AD53" s="94">
        <v>7.5547104003908377E-2</v>
      </c>
      <c r="AE53" s="102">
        <v>0.56899999999999995</v>
      </c>
      <c r="AF53" s="94">
        <v>8.7254360092641065E-2</v>
      </c>
      <c r="AG53" s="93">
        <v>3.2000000000000001E-2</v>
      </c>
      <c r="AH53" s="94">
        <v>3.7082893265119411E-2</v>
      </c>
      <c r="AI53" s="99">
        <v>124</v>
      </c>
      <c r="AJ53" s="100">
        <v>4.5999999999999996</v>
      </c>
      <c r="AK53" s="101">
        <v>0.25480000000000003</v>
      </c>
      <c r="AL53" s="102">
        <v>0.39600000000000002</v>
      </c>
      <c r="AM53" s="94">
        <v>8.6575371335472773E-2</v>
      </c>
      <c r="AN53" s="102">
        <v>0.24299999999999999</v>
      </c>
      <c r="AO53" s="94">
        <v>7.6651516929591296E-2</v>
      </c>
      <c r="AP53" s="102">
        <v>0.28299999999999997</v>
      </c>
      <c r="AQ53" s="94">
        <v>8.0196648376903337E-2</v>
      </c>
      <c r="AR53" s="93">
        <v>7.8E-2</v>
      </c>
      <c r="AS53" s="94">
        <v>5.0889690705654592E-2</v>
      </c>
    </row>
    <row r="61" spans="1:45" ht="18.75">
      <c r="A61" s="325" t="s">
        <v>253</v>
      </c>
      <c r="B61" s="325"/>
      <c r="C61" s="325"/>
      <c r="D61" s="325"/>
      <c r="E61" s="325"/>
      <c r="F61" s="325"/>
      <c r="G61" s="325"/>
      <c r="H61" s="325"/>
      <c r="I61" s="325"/>
      <c r="J61" s="325"/>
      <c r="K61" s="325"/>
      <c r="L61" s="325"/>
      <c r="M61" s="325"/>
      <c r="N61" s="325"/>
      <c r="O61" s="325"/>
      <c r="P61" s="325"/>
      <c r="Q61" s="325"/>
      <c r="R61" s="325"/>
      <c r="S61" s="325"/>
      <c r="T61" s="325"/>
      <c r="U61" s="325"/>
      <c r="V61" s="325"/>
      <c r="W61" s="325"/>
    </row>
    <row r="62" spans="1:45" ht="66" customHeight="1">
      <c r="A62" s="332" t="s">
        <v>383</v>
      </c>
      <c r="B62" s="332"/>
      <c r="C62" s="332"/>
      <c r="D62" s="332"/>
      <c r="E62" s="332"/>
      <c r="F62" s="332"/>
      <c r="G62" s="332"/>
      <c r="H62" s="332"/>
      <c r="I62" s="332"/>
      <c r="J62" s="332"/>
      <c r="K62" s="332"/>
      <c r="L62" s="332"/>
      <c r="M62" s="332"/>
      <c r="N62" s="332"/>
      <c r="O62" s="332"/>
      <c r="P62" s="332"/>
      <c r="Q62" s="332"/>
      <c r="R62" s="332"/>
      <c r="S62" s="332"/>
      <c r="T62" s="332"/>
      <c r="U62" s="332"/>
      <c r="V62" s="332"/>
      <c r="W62" s="332"/>
    </row>
    <row r="63" spans="1:45" ht="45.75" customHeight="1">
      <c r="A63" s="107"/>
      <c r="B63" s="329" t="s">
        <v>389</v>
      </c>
      <c r="C63" s="330"/>
      <c r="D63" s="330"/>
      <c r="E63" s="330"/>
      <c r="F63" s="330"/>
      <c r="G63" s="330"/>
      <c r="H63" s="330"/>
      <c r="I63" s="330"/>
      <c r="J63" s="330"/>
      <c r="K63" s="330"/>
      <c r="L63" s="331"/>
      <c r="M63" s="329" t="s">
        <v>254</v>
      </c>
      <c r="N63" s="330"/>
      <c r="O63" s="330"/>
      <c r="P63" s="330"/>
      <c r="Q63" s="330"/>
      <c r="R63" s="330"/>
      <c r="S63" s="330"/>
      <c r="T63" s="330"/>
      <c r="U63" s="330"/>
      <c r="V63" s="330"/>
      <c r="W63" s="330"/>
    </row>
    <row r="64" spans="1:45" ht="66" customHeight="1">
      <c r="A64" s="37" t="s">
        <v>85</v>
      </c>
      <c r="B64" s="38" t="s">
        <v>86</v>
      </c>
      <c r="C64" s="38" t="s">
        <v>87</v>
      </c>
      <c r="D64" s="269" t="s">
        <v>88</v>
      </c>
      <c r="E64" s="38" t="s">
        <v>178</v>
      </c>
      <c r="F64" s="89" t="s">
        <v>101</v>
      </c>
      <c r="G64" s="38" t="s">
        <v>179</v>
      </c>
      <c r="H64" s="89" t="s">
        <v>102</v>
      </c>
      <c r="I64" s="38" t="s">
        <v>180</v>
      </c>
      <c r="J64" s="89" t="s">
        <v>103</v>
      </c>
      <c r="K64" s="38" t="s">
        <v>357</v>
      </c>
      <c r="L64" s="89" t="s">
        <v>356</v>
      </c>
      <c r="M64" s="65" t="s">
        <v>86</v>
      </c>
      <c r="N64" s="65" t="s">
        <v>87</v>
      </c>
      <c r="O64" s="271" t="s">
        <v>88</v>
      </c>
      <c r="P64" s="65" t="s">
        <v>426</v>
      </c>
      <c r="Q64" s="88" t="s">
        <v>427</v>
      </c>
      <c r="R64" s="65" t="s">
        <v>422</v>
      </c>
      <c r="S64" s="88" t="s">
        <v>424</v>
      </c>
      <c r="T64" s="65" t="s">
        <v>428</v>
      </c>
      <c r="U64" s="88" t="s">
        <v>429</v>
      </c>
      <c r="V64" s="65" t="s">
        <v>357</v>
      </c>
      <c r="W64" s="88" t="s">
        <v>371</v>
      </c>
    </row>
    <row r="65" spans="1:23" ht="99.75" customHeight="1">
      <c r="A65" s="41"/>
      <c r="B65" s="42" t="s">
        <v>89</v>
      </c>
      <c r="C65" s="42" t="s">
        <v>358</v>
      </c>
      <c r="D65" s="270" t="s">
        <v>91</v>
      </c>
      <c r="E65" s="42" t="s">
        <v>181</v>
      </c>
      <c r="F65" s="91" t="s">
        <v>104</v>
      </c>
      <c r="G65" s="42" t="s">
        <v>182</v>
      </c>
      <c r="H65" s="91" t="s">
        <v>104</v>
      </c>
      <c r="I65" s="42" t="s">
        <v>183</v>
      </c>
      <c r="J65" s="91" t="s">
        <v>104</v>
      </c>
      <c r="K65" s="42" t="s">
        <v>357</v>
      </c>
      <c r="L65" s="91" t="s">
        <v>104</v>
      </c>
      <c r="M65" s="68" t="s">
        <v>89</v>
      </c>
      <c r="N65" s="68" t="s">
        <v>359</v>
      </c>
      <c r="O65" s="272" t="s">
        <v>91</v>
      </c>
      <c r="P65" s="68" t="s">
        <v>421</v>
      </c>
      <c r="Q65" s="90" t="s">
        <v>104</v>
      </c>
      <c r="R65" s="68" t="s">
        <v>423</v>
      </c>
      <c r="S65" s="90" t="s">
        <v>104</v>
      </c>
      <c r="T65" s="68" t="s">
        <v>181</v>
      </c>
      <c r="U65" s="90" t="s">
        <v>104</v>
      </c>
      <c r="V65" s="68" t="s">
        <v>357</v>
      </c>
      <c r="W65" s="90" t="s">
        <v>104</v>
      </c>
    </row>
    <row r="66" spans="1:23">
      <c r="A66" s="45" t="s">
        <v>435</v>
      </c>
      <c r="B66" s="110">
        <v>9266</v>
      </c>
      <c r="C66" s="47">
        <v>3.1</v>
      </c>
      <c r="D66" s="48">
        <v>3.9199999999999999E-2</v>
      </c>
      <c r="E66" s="111">
        <v>0.60799999999999998</v>
      </c>
      <c r="F66" s="94">
        <v>1.0141311453284773E-2</v>
      </c>
      <c r="G66" s="111">
        <v>0.107</v>
      </c>
      <c r="H66" s="94">
        <v>6.4255510910279385E-3</v>
      </c>
      <c r="I66" s="111">
        <v>0.26500000000000001</v>
      </c>
      <c r="J66" s="94">
        <v>9.1687440737048664E-3</v>
      </c>
      <c r="K66" s="93">
        <v>0.02</v>
      </c>
      <c r="L66" s="94">
        <v>2.9228698383357626E-3</v>
      </c>
      <c r="M66" s="110">
        <v>10804</v>
      </c>
      <c r="N66" s="47">
        <v>4</v>
      </c>
      <c r="O66" s="48">
        <v>3.9199999999999999E-2</v>
      </c>
      <c r="P66" s="111">
        <v>0.21</v>
      </c>
      <c r="Q66" s="94">
        <v>7.8372187685314225E-3</v>
      </c>
      <c r="R66" s="111">
        <v>0.35</v>
      </c>
      <c r="S66" s="94">
        <v>9.1762221941187605E-3</v>
      </c>
      <c r="T66" s="111">
        <v>0.33</v>
      </c>
      <c r="U66" s="94">
        <v>9.0463357677486728E-3</v>
      </c>
      <c r="V66" s="93">
        <v>0.11</v>
      </c>
      <c r="W66" s="94">
        <v>6.022796639669644E-3</v>
      </c>
    </row>
    <row r="67" spans="1:23">
      <c r="A67" s="49" t="s">
        <v>436</v>
      </c>
      <c r="B67" s="112">
        <v>8696</v>
      </c>
      <c r="C67" s="51">
        <v>3.1323235774438491</v>
      </c>
      <c r="D67" s="52">
        <v>4.4663496380326621E-2</v>
      </c>
      <c r="E67" s="113">
        <v>0.59938941569962423</v>
      </c>
      <c r="F67" s="97">
        <v>1.0507377275093125E-2</v>
      </c>
      <c r="G67" s="113">
        <v>0.10760644100695003</v>
      </c>
      <c r="H67" s="97">
        <v>6.6494782928836413E-3</v>
      </c>
      <c r="I67" s="113">
        <v>0.27330918993901621</v>
      </c>
      <c r="J67" s="97">
        <v>9.5570523943678196E-3</v>
      </c>
      <c r="K67" s="96">
        <v>1.9694953354409444E-2</v>
      </c>
      <c r="L67" s="97">
        <v>2.9957168534017315E-3</v>
      </c>
      <c r="M67" s="112">
        <v>8845</v>
      </c>
      <c r="N67" s="51">
        <v>4.2</v>
      </c>
      <c r="O67" s="52">
        <v>3.9713671816827278E-2</v>
      </c>
      <c r="P67" s="113">
        <v>0.25</v>
      </c>
      <c r="Q67" s="97">
        <v>9.2076530686058689E-3</v>
      </c>
      <c r="R67" s="113">
        <v>0.36</v>
      </c>
      <c r="S67" s="97">
        <v>1.020565378598757E-2</v>
      </c>
      <c r="T67" s="113">
        <v>0.28999999999999998</v>
      </c>
      <c r="U67" s="97">
        <v>9.6483512264059351E-3</v>
      </c>
      <c r="V67" s="96">
        <v>0.09</v>
      </c>
      <c r="W67" s="97">
        <v>6.0901405948729989E-3</v>
      </c>
    </row>
    <row r="68" spans="1:23">
      <c r="A68" s="53" t="s">
        <v>437</v>
      </c>
      <c r="B68" s="83">
        <v>831</v>
      </c>
      <c r="C68" s="47">
        <v>3.09</v>
      </c>
      <c r="D68" s="48">
        <v>0.13720000000000002</v>
      </c>
      <c r="E68" s="98">
        <v>0.61799999999999999</v>
      </c>
      <c r="F68" s="94">
        <v>3.3638378713289473E-2</v>
      </c>
      <c r="G68" s="98">
        <v>0.12</v>
      </c>
      <c r="H68" s="94">
        <v>2.2638016813541717E-2</v>
      </c>
      <c r="I68" s="98">
        <v>0.255</v>
      </c>
      <c r="J68" s="94">
        <v>3.0212715914342669E-2</v>
      </c>
      <c r="K68" s="93">
        <v>7.0000000000000001E-3</v>
      </c>
      <c r="L68" s="94">
        <v>6.6653220565623282E-3</v>
      </c>
      <c r="M68" s="83">
        <v>1984</v>
      </c>
      <c r="N68" s="47">
        <v>3.38</v>
      </c>
      <c r="O68" s="48">
        <v>7.8399999999999997E-2</v>
      </c>
      <c r="P68" s="98">
        <v>0.111</v>
      </c>
      <c r="Q68" s="94">
        <v>1.4134117933690758E-2</v>
      </c>
      <c r="R68" s="98">
        <v>0.30200000000000005</v>
      </c>
      <c r="S68" s="94">
        <v>2.0602279759993316E-2</v>
      </c>
      <c r="T68" s="98">
        <v>0.45499999999999996</v>
      </c>
      <c r="U68" s="94">
        <v>2.2337413494861014E-2</v>
      </c>
      <c r="V68" s="93">
        <v>0.13200000000000001</v>
      </c>
      <c r="W68" s="94">
        <v>1.5219415849224751E-2</v>
      </c>
    </row>
    <row r="69" spans="1:23">
      <c r="A69" s="49" t="s">
        <v>438</v>
      </c>
      <c r="B69" s="112">
        <v>90</v>
      </c>
      <c r="C69" s="51">
        <v>3.6</v>
      </c>
      <c r="D69" s="52">
        <v>0.49</v>
      </c>
      <c r="E69" s="113">
        <v>0.52500000000000002</v>
      </c>
      <c r="F69" s="97">
        <v>0.10302386828500563</v>
      </c>
      <c r="G69" s="113">
        <v>6.5000000000000002E-2</v>
      </c>
      <c r="H69" s="97">
        <v>5.7069055440682318E-2</v>
      </c>
      <c r="I69" s="113">
        <v>0.36299999999999999</v>
      </c>
      <c r="J69" s="97">
        <v>9.952961182010607E-2</v>
      </c>
      <c r="K69" s="96">
        <v>4.7E-2</v>
      </c>
      <c r="L69" s="97">
        <v>5.1316294372598568E-2</v>
      </c>
      <c r="M69" s="112">
        <v>99</v>
      </c>
      <c r="N69" s="51">
        <v>5.4</v>
      </c>
      <c r="O69" s="52">
        <v>0.31359999999999999</v>
      </c>
      <c r="P69" s="113">
        <v>0.49</v>
      </c>
      <c r="Q69" s="97">
        <v>9.8514720436675557E-2</v>
      </c>
      <c r="R69" s="113">
        <v>0.42</v>
      </c>
      <c r="S69" s="97">
        <v>9.7360791373903022E-2</v>
      </c>
      <c r="T69" s="113">
        <v>0.08</v>
      </c>
      <c r="U69" s="97">
        <v>5.8137744905481625E-2</v>
      </c>
      <c r="V69" s="96">
        <v>0.01</v>
      </c>
      <c r="W69" s="97">
        <v>3.3085024943754204E-2</v>
      </c>
    </row>
    <row r="70" spans="1:23">
      <c r="A70" s="53" t="s">
        <v>439</v>
      </c>
      <c r="B70" s="83">
        <v>634</v>
      </c>
      <c r="C70" s="47">
        <v>2.7</v>
      </c>
      <c r="D70" s="48">
        <v>0.15679999999999999</v>
      </c>
      <c r="E70" s="98">
        <v>0.68500000000000005</v>
      </c>
      <c r="F70" s="94">
        <v>3.6817163121129128E-2</v>
      </c>
      <c r="G70" s="98">
        <v>0.106</v>
      </c>
      <c r="H70" s="94">
        <v>2.4623106477656916E-2</v>
      </c>
      <c r="I70" s="98">
        <v>0.2</v>
      </c>
      <c r="J70" s="94">
        <v>3.1783455105793161E-2</v>
      </c>
      <c r="K70" s="93">
        <v>8.9999999999999993E-3</v>
      </c>
      <c r="L70" s="94">
        <v>8.6493817657810525E-3</v>
      </c>
      <c r="M70" s="83">
        <v>681</v>
      </c>
      <c r="N70" s="47">
        <v>3.8</v>
      </c>
      <c r="O70" s="48">
        <v>0.15679999999999999</v>
      </c>
      <c r="P70" s="98">
        <v>0.18</v>
      </c>
      <c r="Q70" s="94">
        <v>2.9476445694250761E-2</v>
      </c>
      <c r="R70" s="98">
        <v>0.34</v>
      </c>
      <c r="S70" s="94">
        <v>3.622299992601985E-2</v>
      </c>
      <c r="T70" s="98">
        <v>0.33999999999999997</v>
      </c>
      <c r="U70" s="94">
        <v>3.6222999926019843E-2</v>
      </c>
      <c r="V70" s="93">
        <v>0.14000000000000001</v>
      </c>
      <c r="W70" s="94">
        <v>2.6681047423651232E-2</v>
      </c>
    </row>
    <row r="71" spans="1:23">
      <c r="A71" s="49" t="s">
        <v>440</v>
      </c>
      <c r="B71" s="112">
        <v>285</v>
      </c>
      <c r="C71" s="51">
        <v>2.2999999999999998</v>
      </c>
      <c r="D71" s="52">
        <v>0.19600000000000001</v>
      </c>
      <c r="E71" s="113">
        <v>0.76400000000000001</v>
      </c>
      <c r="F71" s="97">
        <v>5.0220269067804676E-2</v>
      </c>
      <c r="G71" s="113">
        <v>9.7000000000000003E-2</v>
      </c>
      <c r="H71" s="97">
        <v>3.5694908363477634E-2</v>
      </c>
      <c r="I71" s="113">
        <v>0.13700000000000001</v>
      </c>
      <c r="J71" s="97">
        <v>4.1067644758437119E-2</v>
      </c>
      <c r="K71" s="96">
        <v>2E-3</v>
      </c>
      <c r="L71" s="97">
        <v>1.104483022923893E-2</v>
      </c>
      <c r="M71" s="112">
        <v>292</v>
      </c>
      <c r="N71" s="51">
        <v>2.9</v>
      </c>
      <c r="O71" s="52">
        <v>0.21559999999999999</v>
      </c>
      <c r="P71" s="113">
        <v>0.08</v>
      </c>
      <c r="Q71" s="97">
        <v>3.2535916593153635E-2</v>
      </c>
      <c r="R71" s="113">
        <v>0.21000000000000002</v>
      </c>
      <c r="S71" s="97">
        <v>4.7669699006227459E-2</v>
      </c>
      <c r="T71" s="113">
        <v>0.54</v>
      </c>
      <c r="U71" s="97">
        <v>5.7942533397110224E-2</v>
      </c>
      <c r="V71" s="96">
        <v>0.17</v>
      </c>
      <c r="W71" s="97">
        <v>4.411645468354837E-2</v>
      </c>
    </row>
    <row r="72" spans="1:23">
      <c r="A72" s="53" t="s">
        <v>441</v>
      </c>
      <c r="B72" s="83">
        <v>74</v>
      </c>
      <c r="C72" s="47">
        <v>3</v>
      </c>
      <c r="D72" s="48">
        <v>0.5292</v>
      </c>
      <c r="E72" s="98">
        <v>0.59499999999999997</v>
      </c>
      <c r="F72" s="94">
        <v>0.11137299461842305</v>
      </c>
      <c r="G72" s="98">
        <v>9.5000000000000001E-2</v>
      </c>
      <c r="H72" s="94">
        <v>7.2453952123216883E-2</v>
      </c>
      <c r="I72" s="98">
        <v>0.28100000000000003</v>
      </c>
      <c r="J72" s="94">
        <v>0.10298915719517476</v>
      </c>
      <c r="K72" s="93">
        <v>0.03</v>
      </c>
      <c r="L72" s="94">
        <v>5.1228736256775445E-2</v>
      </c>
      <c r="M72" s="83">
        <v>82</v>
      </c>
      <c r="N72" s="47">
        <v>4.8</v>
      </c>
      <c r="O72" s="48">
        <v>0.37240000000000001</v>
      </c>
      <c r="P72" s="98">
        <v>0.37</v>
      </c>
      <c r="Q72" s="94">
        <v>0.10446664822634073</v>
      </c>
      <c r="R72" s="98">
        <v>0.36</v>
      </c>
      <c r="S72" s="94">
        <v>0.10391876400520736</v>
      </c>
      <c r="T72" s="98">
        <v>0.13</v>
      </c>
      <c r="U72" s="94">
        <v>7.6413417680403883E-2</v>
      </c>
      <c r="V72" s="93">
        <v>0.15</v>
      </c>
      <c r="W72" s="94">
        <v>8.0298959049326393E-2</v>
      </c>
    </row>
    <row r="73" spans="1:23">
      <c r="A73" s="49" t="s">
        <v>442</v>
      </c>
      <c r="B73" s="112">
        <v>144</v>
      </c>
      <c r="C73" s="51">
        <v>3.1</v>
      </c>
      <c r="D73" s="52">
        <v>0.31359999999999999</v>
      </c>
      <c r="E73" s="113">
        <v>0.6</v>
      </c>
      <c r="F73" s="97">
        <v>8.062814811597703E-2</v>
      </c>
      <c r="G73" s="113">
        <v>0.17199999999999999</v>
      </c>
      <c r="H73" s="97">
        <v>6.32781857981045E-2</v>
      </c>
      <c r="I73" s="113">
        <v>0.216</v>
      </c>
      <c r="J73" s="97">
        <v>6.8506237196154826E-2</v>
      </c>
      <c r="K73" s="96">
        <v>1.2999999999999999E-2</v>
      </c>
      <c r="L73" s="97">
        <v>2.6240933277508878E-2</v>
      </c>
      <c r="M73" s="112">
        <v>155</v>
      </c>
      <c r="N73" s="51">
        <v>4.5999999999999996</v>
      </c>
      <c r="O73" s="52">
        <v>0.25480000000000003</v>
      </c>
      <c r="P73" s="113">
        <v>0.25</v>
      </c>
      <c r="Q73" s="97">
        <v>6.9246637625288043E-2</v>
      </c>
      <c r="R73" s="113">
        <v>0.53</v>
      </c>
      <c r="S73" s="97">
        <v>7.9169385071550566E-2</v>
      </c>
      <c r="T73" s="113">
        <v>0.15000000000000002</v>
      </c>
      <c r="U73" s="97">
        <v>5.7971147330917946E-2</v>
      </c>
      <c r="V73" s="96">
        <v>7.0000000000000007E-2</v>
      </c>
      <c r="W73" s="97">
        <v>4.3230004711267762E-2</v>
      </c>
    </row>
    <row r="74" spans="1:23">
      <c r="A74" s="53" t="s">
        <v>443</v>
      </c>
      <c r="B74" s="83">
        <v>125</v>
      </c>
      <c r="C74" s="47">
        <v>3</v>
      </c>
      <c r="D74" s="48">
        <v>0.3528</v>
      </c>
      <c r="E74" s="98">
        <v>0.63600000000000001</v>
      </c>
      <c r="F74" s="94">
        <v>8.4931939046341179E-2</v>
      </c>
      <c r="G74" s="98">
        <v>6.2E-2</v>
      </c>
      <c r="H74" s="94">
        <v>4.6545417688336463E-2</v>
      </c>
      <c r="I74" s="98">
        <v>0.29299999999999998</v>
      </c>
      <c r="J74" s="94">
        <v>8.0649899693784319E-2</v>
      </c>
      <c r="K74" s="93">
        <v>8.0000000000000002E-3</v>
      </c>
      <c r="L74" s="94">
        <v>2.6539414053835149E-2</v>
      </c>
      <c r="M74" s="83">
        <v>146</v>
      </c>
      <c r="N74" s="47">
        <v>4.2</v>
      </c>
      <c r="O74" s="48">
        <v>0.31359999999999999</v>
      </c>
      <c r="P74" s="98">
        <v>0.24</v>
      </c>
      <c r="Q74" s="94">
        <v>7.0419175839581696E-2</v>
      </c>
      <c r="R74" s="98">
        <v>0.35</v>
      </c>
      <c r="S74" s="94">
        <v>7.8091228700795837E-2</v>
      </c>
      <c r="T74" s="98">
        <v>0.26</v>
      </c>
      <c r="U74" s="94">
        <v>7.2190680839011354E-2</v>
      </c>
      <c r="V74" s="93">
        <v>0.14000000000000001</v>
      </c>
      <c r="W74" s="94">
        <v>5.8245420993127586E-2</v>
      </c>
    </row>
    <row r="75" spans="1:23">
      <c r="A75" s="49" t="s">
        <v>444</v>
      </c>
      <c r="B75" s="112">
        <v>617</v>
      </c>
      <c r="C75" s="51">
        <v>3.1</v>
      </c>
      <c r="D75" s="52">
        <v>0.15679999999999999</v>
      </c>
      <c r="E75" s="113">
        <v>0.629</v>
      </c>
      <c r="F75" s="97">
        <v>3.8787806772026846E-2</v>
      </c>
      <c r="G75" s="113">
        <v>9.2999999999999999E-2</v>
      </c>
      <c r="H75" s="97">
        <v>2.3601371709028523E-2</v>
      </c>
      <c r="I75" s="113">
        <v>0.25900000000000001</v>
      </c>
      <c r="J75" s="97">
        <v>3.5227790202770518E-2</v>
      </c>
      <c r="K75" s="96">
        <v>1.9E-2</v>
      </c>
      <c r="L75" s="97">
        <v>1.1798058453602264E-2</v>
      </c>
      <c r="M75" s="112">
        <v>764</v>
      </c>
      <c r="N75" s="51">
        <v>4.3</v>
      </c>
      <c r="O75" s="52">
        <v>0.13720000000000002</v>
      </c>
      <c r="P75" s="113">
        <v>0.26</v>
      </c>
      <c r="Q75" s="97">
        <v>3.1704892293027906E-2</v>
      </c>
      <c r="R75" s="113">
        <v>0.37</v>
      </c>
      <c r="S75" s="97">
        <v>3.48565201355878E-2</v>
      </c>
      <c r="T75" s="113">
        <v>0.27</v>
      </c>
      <c r="U75" s="97">
        <v>3.208465419323725E-2</v>
      </c>
      <c r="V75" s="96">
        <v>0.11</v>
      </c>
      <c r="W75" s="97">
        <v>2.2762387770114766E-2</v>
      </c>
    </row>
    <row r="76" spans="1:23">
      <c r="A76" s="45" t="s">
        <v>445</v>
      </c>
      <c r="B76" s="110">
        <v>555</v>
      </c>
      <c r="C76" s="47">
        <v>3.18</v>
      </c>
      <c r="D76" s="48">
        <v>0.1764</v>
      </c>
      <c r="E76" s="111">
        <v>0.59499999999999997</v>
      </c>
      <c r="F76" s="94">
        <v>4.1536129679212157E-2</v>
      </c>
      <c r="G76" s="111">
        <v>0.11600000000000001</v>
      </c>
      <c r="H76" s="94">
        <v>2.73644628641776E-2</v>
      </c>
      <c r="I76" s="111">
        <v>0.27200000000000002</v>
      </c>
      <c r="J76" s="94">
        <v>3.7712526716823479E-2</v>
      </c>
      <c r="K76" s="93">
        <v>1.7000000000000001E-2</v>
      </c>
      <c r="L76" s="94">
        <v>1.1974246895602669E-2</v>
      </c>
      <c r="M76" s="110">
        <v>553</v>
      </c>
      <c r="N76" s="47">
        <v>4.78</v>
      </c>
      <c r="O76" s="48">
        <v>0.15679999999999999</v>
      </c>
      <c r="P76" s="111">
        <v>0.34599999999999997</v>
      </c>
      <c r="Q76" s="94">
        <v>4.0341753851511612E-2</v>
      </c>
      <c r="R76" s="111">
        <v>0.41399999999999998</v>
      </c>
      <c r="S76" s="94">
        <v>4.1749001625507716E-2</v>
      </c>
      <c r="T76" s="111">
        <v>0.16799999999999998</v>
      </c>
      <c r="U76" s="94">
        <v>3.1860718553071217E-2</v>
      </c>
      <c r="V76" s="93">
        <v>7.1999999999999995E-2</v>
      </c>
      <c r="W76" s="94">
        <v>2.2330560796142325E-2</v>
      </c>
    </row>
    <row r="77" spans="1:23" ht="25.5">
      <c r="A77" s="49" t="s">
        <v>450</v>
      </c>
      <c r="B77" s="112">
        <v>129</v>
      </c>
      <c r="C77" s="51">
        <v>3</v>
      </c>
      <c r="D77" s="52">
        <v>0.3528</v>
      </c>
      <c r="E77" s="113">
        <v>0.61399999999999999</v>
      </c>
      <c r="F77" s="97">
        <v>8.4564156217644654E-2</v>
      </c>
      <c r="G77" s="113">
        <v>0.14299999999999999</v>
      </c>
      <c r="H77" s="97">
        <v>6.2552672658205799E-2</v>
      </c>
      <c r="I77" s="113">
        <v>0.218</v>
      </c>
      <c r="J77" s="97">
        <v>7.2586472712245706E-2</v>
      </c>
      <c r="K77" s="96">
        <v>2.5000000000000001E-2</v>
      </c>
      <c r="L77" s="97">
        <v>3.3691366529272598E-2</v>
      </c>
      <c r="M77" s="112">
        <v>140</v>
      </c>
      <c r="N77" s="51">
        <v>5</v>
      </c>
      <c r="O77" s="52">
        <v>0.25480000000000003</v>
      </c>
      <c r="P77" s="113">
        <v>0.45</v>
      </c>
      <c r="Q77" s="97">
        <v>8.2938558228456624E-2</v>
      </c>
      <c r="R77" s="113">
        <v>0.37</v>
      </c>
      <c r="S77" s="97">
        <v>8.0627030338851019E-2</v>
      </c>
      <c r="T77" s="113">
        <v>0.11000000000000001</v>
      </c>
      <c r="U77" s="97">
        <v>5.4322248073901264E-2</v>
      </c>
      <c r="V77" s="96">
        <v>0.06</v>
      </c>
      <c r="W77" s="97">
        <v>4.3142584286006459E-2</v>
      </c>
    </row>
    <row r="78" spans="1:23">
      <c r="A78" s="53" t="s">
        <v>447</v>
      </c>
      <c r="B78" s="83">
        <v>178</v>
      </c>
      <c r="C78" s="47">
        <v>2.2999999999999998</v>
      </c>
      <c r="D78" s="48">
        <v>0.27440000000000003</v>
      </c>
      <c r="E78" s="98">
        <v>0.76800000000000002</v>
      </c>
      <c r="F78" s="94">
        <v>6.3123532385347264E-2</v>
      </c>
      <c r="G78" s="98">
        <v>6.6000000000000003E-2</v>
      </c>
      <c r="H78" s="94">
        <v>3.9176243745374685E-2</v>
      </c>
      <c r="I78" s="98">
        <v>0.14499999999999999</v>
      </c>
      <c r="J78" s="94">
        <v>5.3339815891311704E-2</v>
      </c>
      <c r="K78" s="98">
        <v>2.1999999999999999E-2</v>
      </c>
      <c r="L78" s="94">
        <v>2.6290384876925522E-2</v>
      </c>
      <c r="M78" s="83">
        <v>184</v>
      </c>
      <c r="N78" s="47">
        <v>4.0999999999999996</v>
      </c>
      <c r="O78" s="48">
        <v>0.27440000000000003</v>
      </c>
      <c r="P78" s="98">
        <v>0.2</v>
      </c>
      <c r="Q78" s="94">
        <v>5.9032815399330828E-2</v>
      </c>
      <c r="R78" s="98">
        <v>0.35</v>
      </c>
      <c r="S78" s="94">
        <v>6.971786016237537E-2</v>
      </c>
      <c r="T78" s="98">
        <v>0.32</v>
      </c>
      <c r="U78" s="94">
        <v>6.8255473809641559E-2</v>
      </c>
      <c r="V78" s="98">
        <v>0.13</v>
      </c>
      <c r="W78" s="94">
        <v>5.0289281919522748E-2</v>
      </c>
    </row>
    <row r="79" spans="1:23">
      <c r="A79" s="49" t="s">
        <v>446</v>
      </c>
      <c r="B79" s="112">
        <v>113</v>
      </c>
      <c r="C79" s="51">
        <v>2.1</v>
      </c>
      <c r="D79" s="52">
        <v>0.3332</v>
      </c>
      <c r="E79" s="113">
        <v>0.80500000000000005</v>
      </c>
      <c r="F79" s="97">
        <v>7.470213308863019E-2</v>
      </c>
      <c r="G79" s="113">
        <v>7.0000000000000007E-2</v>
      </c>
      <c r="H79" s="97">
        <v>5.1482839200025735E-2</v>
      </c>
      <c r="I79" s="113">
        <v>9.7000000000000003E-2</v>
      </c>
      <c r="J79" s="97">
        <v>5.8032134254212789E-2</v>
      </c>
      <c r="K79" s="96">
        <v>2.9000000000000001E-2</v>
      </c>
      <c r="L79" s="97">
        <v>3.8372142144845287E-2</v>
      </c>
      <c r="M79" s="112">
        <v>118</v>
      </c>
      <c r="N79" s="51">
        <v>4</v>
      </c>
      <c r="O79" s="52">
        <v>0.3332</v>
      </c>
      <c r="P79" s="113">
        <v>0.15</v>
      </c>
      <c r="Q79" s="97">
        <v>6.6628675423325748E-2</v>
      </c>
      <c r="R79" s="113">
        <v>0.36</v>
      </c>
      <c r="S79" s="97">
        <v>8.715243406713348E-2</v>
      </c>
      <c r="T79" s="113">
        <v>0.32</v>
      </c>
      <c r="U79" s="97">
        <v>8.4870153632511214E-2</v>
      </c>
      <c r="V79" s="96">
        <v>0.17</v>
      </c>
      <c r="W79" s="97">
        <v>6.9688750250852069E-2</v>
      </c>
    </row>
    <row r="80" spans="1:23">
      <c r="A80" s="57" t="s">
        <v>451</v>
      </c>
      <c r="B80" s="110">
        <v>59</v>
      </c>
      <c r="C80" s="47">
        <v>3.6</v>
      </c>
      <c r="D80" s="48">
        <v>0.54880000000000007</v>
      </c>
      <c r="E80" s="111">
        <v>0.63400000000000001</v>
      </c>
      <c r="F80" s="94">
        <v>0.12195542823598493</v>
      </c>
      <c r="G80" s="111">
        <v>4.1000000000000002E-2</v>
      </c>
      <c r="H80" s="94">
        <v>6.4351631611728966E-2</v>
      </c>
      <c r="I80" s="111">
        <v>0.32400000000000001</v>
      </c>
      <c r="J80" s="94">
        <v>0.11894578958936766</v>
      </c>
      <c r="K80" s="93">
        <v>0</v>
      </c>
      <c r="L80" s="94">
        <v>4.4177291598495712E-2</v>
      </c>
      <c r="M80" s="110">
        <v>176</v>
      </c>
      <c r="N80" s="47">
        <v>3.7</v>
      </c>
      <c r="O80" s="48">
        <v>0.27440000000000003</v>
      </c>
      <c r="P80" s="111">
        <v>0.14000000000000001</v>
      </c>
      <c r="Q80" s="94">
        <v>5.29351804883419E-2</v>
      </c>
      <c r="R80" s="111">
        <v>0.32</v>
      </c>
      <c r="S80" s="94">
        <v>6.9765320897993435E-2</v>
      </c>
      <c r="T80" s="111">
        <v>0.37</v>
      </c>
      <c r="U80" s="94">
        <v>7.2086794203176249E-2</v>
      </c>
      <c r="V80" s="93">
        <v>0.17</v>
      </c>
      <c r="W80" s="94">
        <v>5.6937826173666974E-2</v>
      </c>
    </row>
    <row r="81" spans="1:23">
      <c r="A81" s="49" t="s">
        <v>448</v>
      </c>
      <c r="B81" s="112">
        <v>106</v>
      </c>
      <c r="C81" s="51">
        <v>3.1</v>
      </c>
      <c r="D81" s="52">
        <v>0.39200000000000002</v>
      </c>
      <c r="E81" s="113">
        <v>0.58599999999999997</v>
      </c>
      <c r="F81" s="97">
        <v>9.4027483617461577E-2</v>
      </c>
      <c r="G81" s="113">
        <v>0.14099999999999999</v>
      </c>
      <c r="H81" s="97">
        <v>6.8840195044713087E-2</v>
      </c>
      <c r="I81" s="113">
        <v>0.251</v>
      </c>
      <c r="J81" s="97">
        <v>8.3649958722584003E-2</v>
      </c>
      <c r="K81" s="96">
        <v>2.1999999999999999E-2</v>
      </c>
      <c r="L81" s="97">
        <v>3.709000873968004E-2</v>
      </c>
      <c r="M81" s="112">
        <v>114</v>
      </c>
      <c r="N81" s="51">
        <v>4</v>
      </c>
      <c r="O81" s="52">
        <v>0.3528</v>
      </c>
      <c r="P81" s="113">
        <v>0.15</v>
      </c>
      <c r="Q81" s="97">
        <v>6.7814382904586037E-2</v>
      </c>
      <c r="R81" s="113">
        <v>0.45999999999999996</v>
      </c>
      <c r="S81" s="97">
        <v>9.1782099363273806E-2</v>
      </c>
      <c r="T81" s="113">
        <v>0.32</v>
      </c>
      <c r="U81" s="97">
        <v>8.6310315091191567E-2</v>
      </c>
      <c r="V81" s="96">
        <v>7.0000000000000007E-2</v>
      </c>
      <c r="W81" s="97">
        <v>5.122999834201962E-2</v>
      </c>
    </row>
    <row r="82" spans="1:23">
      <c r="A82" s="57" t="s">
        <v>449</v>
      </c>
      <c r="B82" s="110">
        <v>137</v>
      </c>
      <c r="C82" s="47">
        <v>3.8</v>
      </c>
      <c r="D82" s="48">
        <v>0.37240000000000001</v>
      </c>
      <c r="E82" s="111">
        <v>0.47899999999999998</v>
      </c>
      <c r="F82" s="94">
        <v>8.4145039653530457E-2</v>
      </c>
      <c r="G82" s="111">
        <v>6.8000000000000005E-2</v>
      </c>
      <c r="H82" s="94">
        <v>4.5760524626648008E-2</v>
      </c>
      <c r="I82" s="111">
        <v>0.433</v>
      </c>
      <c r="J82" s="94">
        <v>8.3498347091963451E-2</v>
      </c>
      <c r="K82" s="93">
        <v>0.02</v>
      </c>
      <c r="L82" s="94">
        <v>3.0358107172927775E-2</v>
      </c>
      <c r="M82" s="110">
        <v>141</v>
      </c>
      <c r="N82" s="47">
        <v>5.3</v>
      </c>
      <c r="O82" s="48">
        <v>0.29399999999999998</v>
      </c>
      <c r="P82" s="111">
        <v>0.47</v>
      </c>
      <c r="Q82" s="94">
        <v>8.2904011012900597E-2</v>
      </c>
      <c r="R82" s="111">
        <v>0.35</v>
      </c>
      <c r="S82" s="94">
        <v>7.9433208869894203E-2</v>
      </c>
      <c r="T82" s="111">
        <v>0.1</v>
      </c>
      <c r="U82" s="94">
        <v>5.2181599715673661E-2</v>
      </c>
      <c r="V82" s="93">
        <v>0.08</v>
      </c>
      <c r="W82" s="94">
        <v>4.7907431891341778E-2</v>
      </c>
    </row>
  </sheetData>
  <mergeCells count="14">
    <mergeCell ref="A4:W4"/>
    <mergeCell ref="A3:W3"/>
    <mergeCell ref="A33:AS33"/>
    <mergeCell ref="A32:AS32"/>
    <mergeCell ref="X34:AH34"/>
    <mergeCell ref="B5:L5"/>
    <mergeCell ref="M5:W5"/>
    <mergeCell ref="M63:W63"/>
    <mergeCell ref="B63:L63"/>
    <mergeCell ref="A61:W61"/>
    <mergeCell ref="A62:W62"/>
    <mergeCell ref="AI34:AS34"/>
    <mergeCell ref="M34:W34"/>
    <mergeCell ref="B34:L34"/>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G169"/>
  <sheetViews>
    <sheetView zoomScaleNormal="100" zoomScalePageLayoutView="75" workbookViewId="0">
      <selection activeCell="A149" sqref="A149:W149"/>
    </sheetView>
  </sheetViews>
  <sheetFormatPr defaultColWidth="22.85546875" defaultRowHeight="15"/>
  <cols>
    <col min="1" max="1" width="39.5703125" customWidth="1"/>
  </cols>
  <sheetData>
    <row r="1" spans="1:6" ht="31.5">
      <c r="A1" s="33" t="s">
        <v>42</v>
      </c>
    </row>
    <row r="3" spans="1:6" ht="18.75">
      <c r="A3" s="317" t="s">
        <v>1</v>
      </c>
      <c r="B3" s="317"/>
      <c r="C3" s="317"/>
      <c r="D3" s="317"/>
    </row>
    <row r="4" spans="1:6" ht="201" customHeight="1">
      <c r="A4" s="359" t="s">
        <v>210</v>
      </c>
      <c r="B4" s="359"/>
      <c r="C4" s="359"/>
      <c r="D4" s="359"/>
      <c r="F4" s="229"/>
    </row>
    <row r="5" spans="1:6" ht="34.5" customHeight="1">
      <c r="A5" s="360" t="s">
        <v>122</v>
      </c>
      <c r="B5" s="354"/>
      <c r="C5" s="354"/>
      <c r="D5" s="354"/>
    </row>
    <row r="6" spans="1:6" ht="43.5" customHeight="1">
      <c r="A6" s="37" t="s">
        <v>85</v>
      </c>
      <c r="B6" s="38" t="s">
        <v>86</v>
      </c>
      <c r="C6" s="39" t="s">
        <v>87</v>
      </c>
      <c r="D6" s="40" t="s">
        <v>88</v>
      </c>
    </row>
    <row r="7" spans="1:6" ht="56.25" customHeight="1">
      <c r="A7" s="41"/>
      <c r="B7" s="42" t="s">
        <v>89</v>
      </c>
      <c r="C7" s="43" t="s">
        <v>123</v>
      </c>
      <c r="D7" s="44" t="s">
        <v>91</v>
      </c>
    </row>
    <row r="8" spans="1:6">
      <c r="A8" s="45" t="s">
        <v>435</v>
      </c>
      <c r="B8" s="83">
        <v>10585</v>
      </c>
      <c r="C8" s="84">
        <v>4.2</v>
      </c>
      <c r="D8" s="85">
        <v>1.9599999999999999E-2</v>
      </c>
    </row>
    <row r="9" spans="1:6">
      <c r="A9" s="49" t="s">
        <v>436</v>
      </c>
      <c r="B9" s="117">
        <v>7673</v>
      </c>
      <c r="C9" s="118">
        <v>4.0990636879316202</v>
      </c>
      <c r="D9" s="119">
        <v>2.3820489802410118E-2</v>
      </c>
    </row>
    <row r="10" spans="1:6">
      <c r="A10" s="53" t="s">
        <v>437</v>
      </c>
      <c r="B10" s="83">
        <v>1949</v>
      </c>
      <c r="C10" s="84">
        <v>4.16</v>
      </c>
      <c r="D10" s="85">
        <v>5.8799999999999998E-2</v>
      </c>
    </row>
    <row r="11" spans="1:6">
      <c r="A11" s="49" t="s">
        <v>438</v>
      </c>
      <c r="B11" s="117">
        <v>99</v>
      </c>
      <c r="C11" s="118">
        <v>4.4000000000000004</v>
      </c>
      <c r="D11" s="119">
        <v>0.19600000000000001</v>
      </c>
    </row>
    <row r="12" spans="1:6">
      <c r="A12" s="53" t="s">
        <v>439</v>
      </c>
      <c r="B12" s="83">
        <v>659</v>
      </c>
      <c r="C12" s="84">
        <v>4.2</v>
      </c>
      <c r="D12" s="85">
        <v>7.8399999999999997E-2</v>
      </c>
    </row>
    <row r="13" spans="1:6">
      <c r="A13" s="49" t="s">
        <v>440</v>
      </c>
      <c r="B13" s="117">
        <v>280</v>
      </c>
      <c r="C13" s="118">
        <v>4.5</v>
      </c>
      <c r="D13" s="119">
        <v>0.1176</v>
      </c>
    </row>
    <row r="14" spans="1:6">
      <c r="A14" s="53" t="s">
        <v>441</v>
      </c>
      <c r="B14" s="83">
        <v>81</v>
      </c>
      <c r="C14" s="84">
        <v>3.8</v>
      </c>
      <c r="D14" s="85">
        <v>0.23519999999999999</v>
      </c>
    </row>
    <row r="15" spans="1:6">
      <c r="A15" s="49" t="s">
        <v>442</v>
      </c>
      <c r="B15" s="117">
        <v>147</v>
      </c>
      <c r="C15" s="118">
        <v>3.8</v>
      </c>
      <c r="D15" s="119">
        <v>0.1764</v>
      </c>
    </row>
    <row r="16" spans="1:6">
      <c r="A16" s="53" t="s">
        <v>443</v>
      </c>
      <c r="B16" s="83">
        <v>145</v>
      </c>
      <c r="C16" s="84">
        <v>4.3</v>
      </c>
      <c r="D16" s="85">
        <v>0.1764</v>
      </c>
    </row>
    <row r="17" spans="1:17">
      <c r="A17" s="49" t="s">
        <v>444</v>
      </c>
      <c r="B17" s="117">
        <v>743</v>
      </c>
      <c r="C17" s="118">
        <v>4</v>
      </c>
      <c r="D17" s="119">
        <v>7.8399999999999997E-2</v>
      </c>
    </row>
    <row r="18" spans="1:17">
      <c r="A18" s="45" t="s">
        <v>445</v>
      </c>
      <c r="B18" s="114">
        <v>536</v>
      </c>
      <c r="C18" s="115">
        <v>4.2</v>
      </c>
      <c r="D18" s="116">
        <v>9.8000000000000004E-2</v>
      </c>
    </row>
    <row r="19" spans="1:17" ht="25.5">
      <c r="A19" s="49" t="s">
        <v>450</v>
      </c>
      <c r="B19" s="117">
        <v>134</v>
      </c>
      <c r="C19" s="118">
        <v>4.2</v>
      </c>
      <c r="D19" s="119">
        <v>0.19600000000000001</v>
      </c>
    </row>
    <row r="20" spans="1:17">
      <c r="A20" s="53" t="s">
        <v>447</v>
      </c>
      <c r="B20" s="83">
        <v>179</v>
      </c>
      <c r="C20" s="84">
        <v>4.0999999999999996</v>
      </c>
      <c r="D20" s="85">
        <v>0.15679999999999999</v>
      </c>
    </row>
    <row r="21" spans="1:17">
      <c r="A21" s="49" t="s">
        <v>446</v>
      </c>
      <c r="B21" s="117">
        <v>114</v>
      </c>
      <c r="C21" s="118">
        <v>4.0999999999999996</v>
      </c>
      <c r="D21" s="119">
        <v>0.1764</v>
      </c>
    </row>
    <row r="22" spans="1:17">
      <c r="A22" s="57" t="s">
        <v>451</v>
      </c>
      <c r="B22" s="114">
        <v>172</v>
      </c>
      <c r="C22" s="115">
        <v>4</v>
      </c>
      <c r="D22" s="116">
        <v>0.15679999999999999</v>
      </c>
    </row>
    <row r="23" spans="1:17">
      <c r="A23" s="49" t="s">
        <v>448</v>
      </c>
      <c r="B23" s="117">
        <v>113</v>
      </c>
      <c r="C23" s="118">
        <v>3.9</v>
      </c>
      <c r="D23" s="119">
        <v>0.21559999999999999</v>
      </c>
    </row>
    <row r="24" spans="1:17">
      <c r="A24" s="57" t="s">
        <v>449</v>
      </c>
      <c r="B24" s="114">
        <v>136</v>
      </c>
      <c r="C24" s="115">
        <v>4.2</v>
      </c>
      <c r="D24" s="116">
        <v>0.19600000000000001</v>
      </c>
    </row>
    <row r="32" spans="1:17" ht="18.75">
      <c r="A32" s="317" t="s">
        <v>35</v>
      </c>
      <c r="B32" s="317"/>
      <c r="C32" s="317"/>
      <c r="D32" s="317"/>
      <c r="E32" s="317"/>
      <c r="F32" s="317"/>
      <c r="G32" s="317"/>
      <c r="H32" s="317"/>
      <c r="I32" s="317"/>
      <c r="J32" s="317"/>
      <c r="K32" s="317"/>
      <c r="L32" s="317"/>
      <c r="M32" s="317"/>
      <c r="N32" s="317"/>
      <c r="O32" s="317"/>
      <c r="P32" s="317"/>
      <c r="Q32" s="317"/>
    </row>
    <row r="33" spans="1:17" ht="58.5" customHeight="1">
      <c r="A33" s="355" t="s">
        <v>211</v>
      </c>
      <c r="B33" s="355"/>
      <c r="C33" s="355"/>
      <c r="D33" s="355"/>
      <c r="E33" s="355"/>
      <c r="F33" s="355"/>
      <c r="G33" s="355"/>
      <c r="H33" s="355"/>
      <c r="I33" s="355"/>
      <c r="J33" s="355"/>
      <c r="K33" s="355"/>
      <c r="L33" s="355"/>
      <c r="M33" s="355"/>
      <c r="N33" s="355"/>
      <c r="O33" s="355"/>
      <c r="P33" s="355"/>
      <c r="Q33" s="355"/>
    </row>
    <row r="34" spans="1:17" ht="39" customHeight="1">
      <c r="A34" s="107"/>
      <c r="B34" s="354" t="s">
        <v>124</v>
      </c>
      <c r="C34" s="354"/>
      <c r="D34" s="354"/>
      <c r="E34" s="354"/>
      <c r="F34" s="354"/>
      <c r="G34" s="354"/>
      <c r="H34" s="354"/>
      <c r="I34" s="354" t="s">
        <v>328</v>
      </c>
      <c r="J34" s="354"/>
      <c r="K34" s="354"/>
      <c r="L34" s="354"/>
      <c r="M34" s="354"/>
      <c r="N34" s="354"/>
      <c r="O34" s="354"/>
      <c r="P34" s="354"/>
      <c r="Q34" s="354"/>
    </row>
    <row r="35" spans="1:17" ht="39.75" customHeight="1">
      <c r="A35" s="37" t="s">
        <v>85</v>
      </c>
      <c r="B35" s="38" t="s">
        <v>86</v>
      </c>
      <c r="C35" s="38" t="s">
        <v>196</v>
      </c>
      <c r="D35" s="89" t="s">
        <v>125</v>
      </c>
      <c r="E35" s="38" t="s">
        <v>212</v>
      </c>
      <c r="F35" s="89" t="s">
        <v>126</v>
      </c>
      <c r="G35" s="38" t="s">
        <v>214</v>
      </c>
      <c r="H35" s="89" t="s">
        <v>127</v>
      </c>
      <c r="I35" s="65" t="s">
        <v>86</v>
      </c>
      <c r="J35" s="65" t="s">
        <v>197</v>
      </c>
      <c r="K35" s="88" t="s">
        <v>128</v>
      </c>
      <c r="L35" s="65" t="s">
        <v>198</v>
      </c>
      <c r="M35" s="88" t="s">
        <v>129</v>
      </c>
      <c r="N35" s="65" t="s">
        <v>199</v>
      </c>
      <c r="O35" s="88" t="s">
        <v>130</v>
      </c>
      <c r="P35" s="65" t="s">
        <v>200</v>
      </c>
      <c r="Q35" s="88" t="s">
        <v>131</v>
      </c>
    </row>
    <row r="36" spans="1:17" ht="63" customHeight="1">
      <c r="A36" s="41"/>
      <c r="B36" s="42" t="s">
        <v>89</v>
      </c>
      <c r="C36" s="42" t="s">
        <v>209</v>
      </c>
      <c r="D36" s="91" t="s">
        <v>104</v>
      </c>
      <c r="E36" s="42" t="s">
        <v>213</v>
      </c>
      <c r="F36" s="91" t="s">
        <v>104</v>
      </c>
      <c r="G36" s="42" t="s">
        <v>215</v>
      </c>
      <c r="H36" s="91" t="s">
        <v>104</v>
      </c>
      <c r="I36" s="68" t="s">
        <v>89</v>
      </c>
      <c r="J36" s="68" t="s">
        <v>329</v>
      </c>
      <c r="K36" s="90" t="s">
        <v>104</v>
      </c>
      <c r="L36" s="68" t="s">
        <v>330</v>
      </c>
      <c r="M36" s="90" t="s">
        <v>104</v>
      </c>
      <c r="N36" s="68" t="s">
        <v>331</v>
      </c>
      <c r="O36" s="90" t="s">
        <v>104</v>
      </c>
      <c r="P36" s="68" t="s">
        <v>332</v>
      </c>
      <c r="Q36" s="90" t="s">
        <v>104</v>
      </c>
    </row>
    <row r="37" spans="1:17">
      <c r="A37" s="45" t="s">
        <v>435</v>
      </c>
      <c r="B37" s="120">
        <v>7941</v>
      </c>
      <c r="C37" s="121">
        <v>0.36</v>
      </c>
      <c r="D37" s="94">
        <v>1.0770673903927353E-2</v>
      </c>
      <c r="E37" s="121">
        <v>0.44</v>
      </c>
      <c r="F37" s="94">
        <v>1.1137984017958874E-2</v>
      </c>
      <c r="G37" s="121">
        <v>0.2</v>
      </c>
      <c r="H37" s="94">
        <v>8.9777180358180629E-3</v>
      </c>
      <c r="I37" s="122">
        <v>10570</v>
      </c>
      <c r="J37" s="121">
        <v>7.0000000000000007E-2</v>
      </c>
      <c r="K37" s="94">
        <v>4.9678315993187698E-3</v>
      </c>
      <c r="L37" s="121">
        <v>0.33</v>
      </c>
      <c r="M37" s="94">
        <v>9.1458944045153031E-3</v>
      </c>
      <c r="N37" s="121">
        <v>0.45</v>
      </c>
      <c r="O37" s="94">
        <v>9.6760834098690348E-3</v>
      </c>
      <c r="P37" s="121">
        <v>0.15</v>
      </c>
      <c r="Q37" s="94">
        <v>6.9474142141470012E-3</v>
      </c>
    </row>
    <row r="38" spans="1:17">
      <c r="A38" s="49" t="s">
        <v>436</v>
      </c>
      <c r="B38" s="49">
        <v>7384</v>
      </c>
      <c r="C38" s="124">
        <v>0.36</v>
      </c>
      <c r="D38" s="97">
        <v>1.1169347068972688E-2</v>
      </c>
      <c r="E38" s="124">
        <v>0.43</v>
      </c>
      <c r="F38" s="97">
        <v>1.1519746105406547E-2</v>
      </c>
      <c r="G38" s="124">
        <v>0.21</v>
      </c>
      <c r="H38" s="97">
        <v>9.4800117976022863E-3</v>
      </c>
      <c r="I38" s="49">
        <v>8448</v>
      </c>
      <c r="J38" s="124">
        <v>0.06</v>
      </c>
      <c r="K38" s="97">
        <v>5.174805323020947E-3</v>
      </c>
      <c r="L38" s="124">
        <v>0.32</v>
      </c>
      <c r="M38" s="97">
        <v>1.0148697109705583E-2</v>
      </c>
      <c r="N38" s="124">
        <v>0.46</v>
      </c>
      <c r="O38" s="97">
        <v>1.0842448570167662E-2</v>
      </c>
      <c r="P38" s="124">
        <v>0.16</v>
      </c>
      <c r="Q38" s="97">
        <v>7.9785974947230963E-3</v>
      </c>
    </row>
    <row r="39" spans="1:17">
      <c r="A39" s="53" t="s">
        <v>437</v>
      </c>
      <c r="B39" s="53">
        <v>709</v>
      </c>
      <c r="C39" s="121">
        <v>0.33600000000000002</v>
      </c>
      <c r="D39" s="94">
        <v>3.5402310674731388E-2</v>
      </c>
      <c r="E39" s="121">
        <v>0.42</v>
      </c>
      <c r="F39" s="94">
        <v>3.6973255777585964E-2</v>
      </c>
      <c r="G39" s="121">
        <v>0.24399999999999999</v>
      </c>
      <c r="H39" s="94">
        <v>3.2233132550217612E-2</v>
      </c>
      <c r="I39" s="53">
        <v>1949</v>
      </c>
      <c r="J39" s="121">
        <v>8.3000000000000004E-2</v>
      </c>
      <c r="K39" s="94">
        <v>1.2543631215236904E-2</v>
      </c>
      <c r="L39" s="121">
        <v>0.35</v>
      </c>
      <c r="M39" s="94">
        <v>2.1590238426645487E-2</v>
      </c>
      <c r="N39" s="121">
        <v>0.40500000000000003</v>
      </c>
      <c r="O39" s="94">
        <v>2.22176512358165E-2</v>
      </c>
      <c r="P39" s="121">
        <v>0.16200000000000001</v>
      </c>
      <c r="Q39" s="94">
        <v>1.6703400019908173E-2</v>
      </c>
    </row>
    <row r="40" spans="1:17">
      <c r="A40" s="49" t="s">
        <v>438</v>
      </c>
      <c r="B40" s="49">
        <v>86</v>
      </c>
      <c r="C40" s="124">
        <v>0.11</v>
      </c>
      <c r="D40" s="97">
        <v>7.0275507209697524E-2</v>
      </c>
      <c r="E40" s="124">
        <v>0.69</v>
      </c>
      <c r="F40" s="97">
        <v>9.8214635760871222E-2</v>
      </c>
      <c r="G40" s="124">
        <v>0.2</v>
      </c>
      <c r="H40" s="97">
        <v>8.6364144366159065E-2</v>
      </c>
      <c r="I40" s="49">
        <v>99</v>
      </c>
      <c r="J40" s="124">
        <v>0.03</v>
      </c>
      <c r="K40" s="97">
        <v>4.2231047546844466E-2</v>
      </c>
      <c r="L40" s="124">
        <v>0.3</v>
      </c>
      <c r="M40" s="97">
        <v>9.0959602679136747E-2</v>
      </c>
      <c r="N40" s="124">
        <v>0.56999999999999995</v>
      </c>
      <c r="O40" s="97">
        <v>9.7636773386734738E-2</v>
      </c>
      <c r="P40" s="124">
        <v>0.11</v>
      </c>
      <c r="Q40" s="97">
        <v>6.5205932809044215E-2</v>
      </c>
    </row>
    <row r="41" spans="1:17">
      <c r="A41" s="53" t="s">
        <v>439</v>
      </c>
      <c r="B41" s="53">
        <v>553</v>
      </c>
      <c r="C41" s="121">
        <v>0.35</v>
      </c>
      <c r="D41" s="94">
        <v>4.0448295734638172E-2</v>
      </c>
      <c r="E41" s="121">
        <v>0.44</v>
      </c>
      <c r="F41" s="94">
        <v>4.2069577310306833E-2</v>
      </c>
      <c r="G41" s="121">
        <v>0.21</v>
      </c>
      <c r="H41" s="94">
        <v>3.4641385394443808E-2</v>
      </c>
      <c r="I41" s="53">
        <v>659</v>
      </c>
      <c r="J41" s="121">
        <v>0.05</v>
      </c>
      <c r="K41" s="94">
        <v>1.7357229390431637E-2</v>
      </c>
      <c r="L41" s="121">
        <v>0.27</v>
      </c>
      <c r="M41" s="94">
        <v>3.453953820573534E-2</v>
      </c>
      <c r="N41" s="121">
        <v>0.51</v>
      </c>
      <c r="O41" s="94">
        <v>3.8829107195378257E-2</v>
      </c>
      <c r="P41" s="121">
        <v>0.17</v>
      </c>
      <c r="Q41" s="94">
        <v>2.9311873056160016E-2</v>
      </c>
    </row>
    <row r="42" spans="1:17">
      <c r="A42" s="49" t="s">
        <v>440</v>
      </c>
      <c r="B42" s="49">
        <v>250</v>
      </c>
      <c r="C42" s="124">
        <v>0.23</v>
      </c>
      <c r="D42" s="97">
        <v>5.3149319260826396E-2</v>
      </c>
      <c r="E42" s="124">
        <v>0.54</v>
      </c>
      <c r="F42" s="97">
        <v>6.2550766393209403E-2</v>
      </c>
      <c r="G42" s="124">
        <v>0.23</v>
      </c>
      <c r="H42" s="97">
        <v>5.3149319260826396E-2</v>
      </c>
      <c r="I42" s="49">
        <v>280</v>
      </c>
      <c r="J42" s="124">
        <v>0.03</v>
      </c>
      <c r="K42" s="97">
        <v>2.2290879376800424E-2</v>
      </c>
      <c r="L42" s="124">
        <v>0.15</v>
      </c>
      <c r="M42" s="97">
        <v>4.2942215266461713E-2</v>
      </c>
      <c r="N42" s="124">
        <v>0.59</v>
      </c>
      <c r="O42" s="97">
        <v>5.8397202589527152E-2</v>
      </c>
      <c r="P42" s="124">
        <v>0.23</v>
      </c>
      <c r="Q42" s="97">
        <v>5.0230322993521051E-2</v>
      </c>
    </row>
    <row r="43" spans="1:17">
      <c r="A43" s="53" t="s">
        <v>441</v>
      </c>
      <c r="B43" s="53">
        <v>63</v>
      </c>
      <c r="C43" s="121">
        <v>0.47</v>
      </c>
      <c r="D43" s="94">
        <v>0.12197485790484078</v>
      </c>
      <c r="E43" s="121">
        <v>0.45</v>
      </c>
      <c r="F43" s="94">
        <v>0.12162815777487941</v>
      </c>
      <c r="G43" s="121">
        <v>7.0000000000000007E-2</v>
      </c>
      <c r="H43" s="94">
        <v>7.1869940054696851E-2</v>
      </c>
      <c r="I43" s="53">
        <v>81</v>
      </c>
      <c r="J43" s="121">
        <v>0.08</v>
      </c>
      <c r="K43" s="94">
        <v>6.5011025071339851E-2</v>
      </c>
      <c r="L43" s="121">
        <v>0.39</v>
      </c>
      <c r="M43" s="94">
        <v>0.10605481993798378</v>
      </c>
      <c r="N43" s="121">
        <v>0.47</v>
      </c>
      <c r="O43" s="94">
        <v>0.1082877892856141</v>
      </c>
      <c r="P43" s="121">
        <v>0.06</v>
      </c>
      <c r="Q43" s="94">
        <v>5.9088146678978194E-2</v>
      </c>
    </row>
    <row r="44" spans="1:17">
      <c r="A44" s="49" t="s">
        <v>442</v>
      </c>
      <c r="B44" s="49">
        <v>123</v>
      </c>
      <c r="C44" s="124">
        <v>0.57999999999999996</v>
      </c>
      <c r="D44" s="97">
        <v>8.7663781618593728E-2</v>
      </c>
      <c r="E44" s="124">
        <v>0.28999999999999998</v>
      </c>
      <c r="F44" s="97">
        <v>8.1062667595788049E-2</v>
      </c>
      <c r="G44" s="124">
        <v>0.13</v>
      </c>
      <c r="H44" s="97">
        <v>6.1883257368529433E-2</v>
      </c>
      <c r="I44" s="49">
        <v>147</v>
      </c>
      <c r="J44" s="124">
        <v>7.0000000000000007E-2</v>
      </c>
      <c r="K44" s="97">
        <v>4.4503524019950003E-2</v>
      </c>
      <c r="L44" s="124">
        <v>0.41</v>
      </c>
      <c r="M44" s="97">
        <v>8.0119687804045353E-2</v>
      </c>
      <c r="N44" s="124">
        <v>0.39</v>
      </c>
      <c r="O44" s="97">
        <v>7.9490524862819253E-2</v>
      </c>
      <c r="P44" s="124">
        <v>0.13</v>
      </c>
      <c r="Q44" s="97">
        <v>5.6441240422307977E-2</v>
      </c>
    </row>
    <row r="45" spans="1:17">
      <c r="A45" s="53" t="s">
        <v>443</v>
      </c>
      <c r="B45" s="53">
        <v>111</v>
      </c>
      <c r="C45" s="121">
        <v>0.31</v>
      </c>
      <c r="D45" s="94">
        <v>8.6751545178992126E-2</v>
      </c>
      <c r="E45" s="121">
        <v>0.4</v>
      </c>
      <c r="F45" s="94">
        <v>9.1496458258892535E-2</v>
      </c>
      <c r="G45" s="121">
        <v>0.28999999999999998</v>
      </c>
      <c r="H45" s="94">
        <v>8.5244298055349652E-2</v>
      </c>
      <c r="I45" s="53">
        <v>145</v>
      </c>
      <c r="J45" s="121">
        <v>0.05</v>
      </c>
      <c r="K45" s="94">
        <v>3.9536422371567514E-2</v>
      </c>
      <c r="L45" s="121">
        <v>0.3</v>
      </c>
      <c r="M45" s="94">
        <v>7.5461679412597654E-2</v>
      </c>
      <c r="N45" s="121">
        <v>0.51</v>
      </c>
      <c r="O45" s="94">
        <v>8.1907673847647786E-2</v>
      </c>
      <c r="P45" s="121">
        <v>0.14000000000000001</v>
      </c>
      <c r="Q45" s="94">
        <v>5.8450917415159918E-2</v>
      </c>
    </row>
    <row r="46" spans="1:17">
      <c r="A46" s="49" t="s">
        <v>444</v>
      </c>
      <c r="B46" s="49">
        <v>534</v>
      </c>
      <c r="C46" s="124">
        <v>0.37</v>
      </c>
      <c r="D46" s="97">
        <v>4.1652694581217974E-2</v>
      </c>
      <c r="E46" s="124">
        <v>0.49</v>
      </c>
      <c r="F46" s="97">
        <v>4.3104565647222884E-2</v>
      </c>
      <c r="G46" s="124">
        <v>0.15</v>
      </c>
      <c r="H46" s="97">
        <v>3.1007229008996773E-2</v>
      </c>
      <c r="I46" s="49">
        <v>740</v>
      </c>
      <c r="J46" s="124">
        <v>0.09</v>
      </c>
      <c r="K46" s="97">
        <v>2.1213541518457557E-2</v>
      </c>
      <c r="L46" s="124">
        <v>0.35</v>
      </c>
      <c r="M46" s="97">
        <v>3.4991649166566288E-2</v>
      </c>
      <c r="N46" s="124">
        <v>0.44</v>
      </c>
      <c r="O46" s="97">
        <v>3.6399707964321439E-2</v>
      </c>
      <c r="P46" s="124">
        <v>0.12</v>
      </c>
      <c r="Q46" s="97">
        <v>2.4001401648038597E-2</v>
      </c>
    </row>
    <row r="47" spans="1:17">
      <c r="A47" s="45" t="s">
        <v>445</v>
      </c>
      <c r="B47" s="120">
        <v>477</v>
      </c>
      <c r="C47" s="121">
        <v>0.30199999999999999</v>
      </c>
      <c r="D47" s="94">
        <v>4.1933055289251196E-2</v>
      </c>
      <c r="E47" s="121">
        <v>0.52</v>
      </c>
      <c r="F47" s="94">
        <v>4.5560188437169524E-2</v>
      </c>
      <c r="G47" s="121">
        <v>0.17799999999999999</v>
      </c>
      <c r="H47" s="94">
        <v>3.508626774303656E-2</v>
      </c>
      <c r="I47" s="122">
        <v>533</v>
      </c>
      <c r="J47" s="121">
        <v>5.8000000000000003E-2</v>
      </c>
      <c r="K47" s="94">
        <v>2.0701948195826828E-2</v>
      </c>
      <c r="L47" s="121">
        <v>0.33500000000000002</v>
      </c>
      <c r="M47" s="94">
        <v>4.0772711145259231E-2</v>
      </c>
      <c r="N47" s="121">
        <v>0.48199999999999998</v>
      </c>
      <c r="O47" s="94">
        <v>4.3125628170842902E-2</v>
      </c>
      <c r="P47" s="121">
        <v>0.125</v>
      </c>
      <c r="Q47" s="94">
        <v>2.8814202162939537E-2</v>
      </c>
    </row>
    <row r="48" spans="1:17" ht="25.5">
      <c r="A48" s="49" t="s">
        <v>450</v>
      </c>
      <c r="B48" s="123">
        <v>105</v>
      </c>
      <c r="C48" s="124">
        <v>0.24</v>
      </c>
      <c r="D48" s="97">
        <v>8.289939338250106E-2</v>
      </c>
      <c r="E48" s="124">
        <v>0.52</v>
      </c>
      <c r="F48" s="97">
        <v>9.5711496749435632E-2</v>
      </c>
      <c r="G48" s="124">
        <v>0.24</v>
      </c>
      <c r="H48" s="97">
        <v>8.289939338250106E-2</v>
      </c>
      <c r="I48" s="125">
        <v>134</v>
      </c>
      <c r="J48" s="124">
        <v>0.1</v>
      </c>
      <c r="K48" s="97">
        <v>5.3606439364976957E-2</v>
      </c>
      <c r="L48" s="124">
        <v>0.36</v>
      </c>
      <c r="M48" s="97">
        <v>8.191897105673572E-2</v>
      </c>
      <c r="N48" s="124">
        <v>0.42</v>
      </c>
      <c r="O48" s="97">
        <v>8.4092019554688258E-2</v>
      </c>
      <c r="P48" s="124">
        <v>0.12</v>
      </c>
      <c r="Q48" s="97">
        <v>5.7445549629503663E-2</v>
      </c>
    </row>
    <row r="49" spans="1:17">
      <c r="A49" s="53" t="s">
        <v>447</v>
      </c>
      <c r="B49" s="83">
        <v>156</v>
      </c>
      <c r="C49" s="98">
        <v>0.44</v>
      </c>
      <c r="D49" s="94">
        <v>7.8513971686573078E-2</v>
      </c>
      <c r="E49" s="98">
        <v>0.45</v>
      </c>
      <c r="F49" s="94">
        <v>7.8680276674017877E-2</v>
      </c>
      <c r="G49" s="98">
        <v>0.11</v>
      </c>
      <c r="H49" s="94">
        <v>5.1334670910603876E-2</v>
      </c>
      <c r="I49" s="83">
        <v>179</v>
      </c>
      <c r="J49" s="98">
        <v>0.05</v>
      </c>
      <c r="K49" s="94">
        <v>3.5066123589809296E-2</v>
      </c>
      <c r="L49" s="98">
        <v>0.24</v>
      </c>
      <c r="M49" s="94">
        <v>6.3645688315815907E-2</v>
      </c>
      <c r="N49" s="98">
        <v>0.59</v>
      </c>
      <c r="O49" s="94">
        <v>7.2767348174087629E-2</v>
      </c>
      <c r="P49" s="98">
        <v>0.12</v>
      </c>
      <c r="Q49" s="94">
        <v>4.9443587878120213E-2</v>
      </c>
    </row>
    <row r="50" spans="1:17">
      <c r="A50" s="49" t="s">
        <v>446</v>
      </c>
      <c r="B50" s="123">
        <v>102</v>
      </c>
      <c r="C50" s="124">
        <v>0.45</v>
      </c>
      <c r="D50" s="97">
        <v>9.6677858240365788E-2</v>
      </c>
      <c r="E50" s="124">
        <v>0.43</v>
      </c>
      <c r="F50" s="97">
        <v>9.6243173489582376E-2</v>
      </c>
      <c r="G50" s="124">
        <v>0.12</v>
      </c>
      <c r="H50" s="97">
        <v>6.6244968033904783E-2</v>
      </c>
      <c r="I50" s="125">
        <v>114</v>
      </c>
      <c r="J50" s="124">
        <v>0.02</v>
      </c>
      <c r="K50" s="97">
        <v>3.4422887279242601E-2</v>
      </c>
      <c r="L50" s="124">
        <v>0.26</v>
      </c>
      <c r="M50" s="97">
        <v>8.1560811641067488E-2</v>
      </c>
      <c r="N50" s="124">
        <v>0.56999999999999995</v>
      </c>
      <c r="O50" s="97">
        <v>9.1211538971164033E-2</v>
      </c>
      <c r="P50" s="124">
        <v>0.15</v>
      </c>
      <c r="Q50" s="97">
        <v>6.7814382904586037E-2</v>
      </c>
    </row>
    <row r="51" spans="1:17">
      <c r="A51" s="57" t="s">
        <v>451</v>
      </c>
      <c r="B51" s="120">
        <v>54</v>
      </c>
      <c r="C51" s="121">
        <v>0.38</v>
      </c>
      <c r="D51" s="94">
        <v>0.12798645321729393</v>
      </c>
      <c r="E51" s="121">
        <v>0.5</v>
      </c>
      <c r="F51" s="94">
        <v>0.13130643285972254</v>
      </c>
      <c r="G51" s="121">
        <v>0.12</v>
      </c>
      <c r="H51" s="94">
        <v>9.2784674697865915E-2</v>
      </c>
      <c r="I51" s="122">
        <v>172</v>
      </c>
      <c r="J51" s="121">
        <v>0.1</v>
      </c>
      <c r="K51" s="94">
        <v>4.6998569283017953E-2</v>
      </c>
      <c r="L51" s="121">
        <v>0.41</v>
      </c>
      <c r="M51" s="94">
        <v>7.4202425519943924E-2</v>
      </c>
      <c r="N51" s="121">
        <v>0.36</v>
      </c>
      <c r="O51" s="94">
        <v>7.2500906753572111E-2</v>
      </c>
      <c r="P51" s="121">
        <v>0.13</v>
      </c>
      <c r="Q51" s="94">
        <v>5.2060282903312695E-2</v>
      </c>
    </row>
    <row r="52" spans="1:17">
      <c r="A52" s="49" t="s">
        <v>448</v>
      </c>
      <c r="B52" s="123">
        <v>94</v>
      </c>
      <c r="C52" s="124">
        <v>0.46</v>
      </c>
      <c r="D52" s="97">
        <v>0.10071741569379104</v>
      </c>
      <c r="E52" s="124">
        <v>0.42</v>
      </c>
      <c r="F52" s="97">
        <v>9.981856740198404E-2</v>
      </c>
      <c r="G52" s="124">
        <v>0.12</v>
      </c>
      <c r="H52" s="97">
        <v>6.9148520627375448E-2</v>
      </c>
      <c r="I52" s="125">
        <v>112</v>
      </c>
      <c r="J52" s="124">
        <v>0.12</v>
      </c>
      <c r="K52" s="97">
        <v>6.3078200052200384E-2</v>
      </c>
      <c r="L52" s="124">
        <v>0.35</v>
      </c>
      <c r="M52" s="97">
        <v>8.8867388664521763E-2</v>
      </c>
      <c r="N52" s="124">
        <v>0.39</v>
      </c>
      <c r="O52" s="97">
        <v>9.0728867611683126E-2</v>
      </c>
      <c r="P52" s="124">
        <v>0.14000000000000001</v>
      </c>
      <c r="Q52" s="97">
        <v>6.6742900636352728E-2</v>
      </c>
    </row>
    <row r="53" spans="1:17">
      <c r="A53" s="57" t="s">
        <v>449</v>
      </c>
      <c r="B53" s="120">
        <v>117</v>
      </c>
      <c r="C53" s="121">
        <v>0.35</v>
      </c>
      <c r="D53" s="94">
        <v>8.7000145306498203E-2</v>
      </c>
      <c r="E53" s="121">
        <v>0.5</v>
      </c>
      <c r="F53" s="94">
        <v>9.0909090909090912E-2</v>
      </c>
      <c r="G53" s="121">
        <v>0.15</v>
      </c>
      <c r="H53" s="94">
        <v>6.6919293420876297E-2</v>
      </c>
      <c r="I53" s="122">
        <v>135</v>
      </c>
      <c r="J53" s="121">
        <v>0.04</v>
      </c>
      <c r="K53" s="94">
        <v>3.8084793030370621E-2</v>
      </c>
      <c r="L53" s="121">
        <v>0.34</v>
      </c>
      <c r="M53" s="94">
        <v>8.061850503676328E-2</v>
      </c>
      <c r="N53" s="121">
        <v>0.5</v>
      </c>
      <c r="O53" s="94">
        <v>8.4818892967997092E-2</v>
      </c>
      <c r="P53" s="121">
        <v>0.12</v>
      </c>
      <c r="Q53" s="94">
        <v>5.7223834556024027E-2</v>
      </c>
    </row>
    <row r="61" spans="1:17" ht="18.75">
      <c r="A61" s="317" t="s">
        <v>36</v>
      </c>
      <c r="B61" s="317"/>
      <c r="C61" s="317"/>
      <c r="D61" s="317"/>
      <c r="E61" s="317"/>
      <c r="F61" s="317"/>
      <c r="G61" s="317"/>
      <c r="H61" s="317"/>
    </row>
    <row r="62" spans="1:17" ht="69.75" customHeight="1">
      <c r="A62" s="358" t="s">
        <v>391</v>
      </c>
      <c r="B62" s="358"/>
      <c r="C62" s="358"/>
      <c r="D62" s="358"/>
      <c r="E62" s="358"/>
      <c r="F62" s="358"/>
      <c r="G62" s="358"/>
      <c r="H62" s="358"/>
    </row>
    <row r="63" spans="1:17" ht="40.5" customHeight="1">
      <c r="A63" s="107"/>
      <c r="B63" s="356" t="s">
        <v>408</v>
      </c>
      <c r="C63" s="357"/>
      <c r="D63" s="357"/>
      <c r="E63" s="357"/>
      <c r="F63" s="357"/>
      <c r="G63" s="357"/>
      <c r="H63" s="357"/>
    </row>
    <row r="64" spans="1:17" ht="39" customHeight="1">
      <c r="A64" s="37" t="s">
        <v>85</v>
      </c>
      <c r="B64" s="38" t="s">
        <v>86</v>
      </c>
      <c r="C64" s="65" t="s">
        <v>219</v>
      </c>
      <c r="D64" s="88" t="s">
        <v>132</v>
      </c>
      <c r="E64" s="65" t="s">
        <v>220</v>
      </c>
      <c r="F64" s="88" t="s">
        <v>333</v>
      </c>
      <c r="G64" s="65" t="s">
        <v>221</v>
      </c>
      <c r="H64" s="88" t="s">
        <v>334</v>
      </c>
    </row>
    <row r="65" spans="1:8" ht="60">
      <c r="A65" s="41"/>
      <c r="B65" s="42" t="s">
        <v>89</v>
      </c>
      <c r="C65" s="273" t="s">
        <v>201</v>
      </c>
      <c r="D65" s="90" t="s">
        <v>104</v>
      </c>
      <c r="E65" s="68" t="s">
        <v>216</v>
      </c>
      <c r="F65" s="90" t="s">
        <v>104</v>
      </c>
      <c r="G65" s="68" t="s">
        <v>217</v>
      </c>
      <c r="H65" s="90" t="s">
        <v>104</v>
      </c>
    </row>
    <row r="66" spans="1:8">
      <c r="A66" s="45" t="s">
        <v>435</v>
      </c>
      <c r="B66" s="127">
        <v>8997</v>
      </c>
      <c r="C66" s="121">
        <v>0.56000000000000005</v>
      </c>
      <c r="D66" s="94">
        <v>1.0464242263632699E-2</v>
      </c>
      <c r="E66" s="121">
        <v>0.22</v>
      </c>
      <c r="F66" s="94">
        <v>8.7343661825739962E-3</v>
      </c>
      <c r="G66" s="121">
        <v>0.22</v>
      </c>
      <c r="H66" s="94">
        <v>8.7343661825739962E-3</v>
      </c>
    </row>
    <row r="67" spans="1:8">
      <c r="A67" s="49" t="s">
        <v>436</v>
      </c>
      <c r="B67" s="49">
        <v>8387</v>
      </c>
      <c r="C67" s="124">
        <v>0.56000000000000005</v>
      </c>
      <c r="D67" s="97">
        <v>1.0837934223118812E-2</v>
      </c>
      <c r="E67" s="124">
        <v>0.22</v>
      </c>
      <c r="F67" s="97">
        <v>9.0464111124660667E-3</v>
      </c>
      <c r="G67" s="124">
        <v>0.22</v>
      </c>
      <c r="H67" s="97">
        <v>9.0464111124660667E-3</v>
      </c>
    </row>
    <row r="68" spans="1:8">
      <c r="A68" s="53" t="s">
        <v>437</v>
      </c>
      <c r="B68" s="53">
        <v>802</v>
      </c>
      <c r="C68" s="121">
        <v>0.47499999999999998</v>
      </c>
      <c r="D68" s="94">
        <v>3.5179877233827088E-2</v>
      </c>
      <c r="E68" s="121">
        <v>0.246</v>
      </c>
      <c r="F68" s="94">
        <v>3.0392206159740576E-2</v>
      </c>
      <c r="G68" s="121">
        <v>0.28000000000000003</v>
      </c>
      <c r="H68" s="94">
        <v>3.1668193291585024E-2</v>
      </c>
    </row>
    <row r="69" spans="1:8">
      <c r="A69" s="49" t="s">
        <v>438</v>
      </c>
      <c r="B69" s="49">
        <v>92</v>
      </c>
      <c r="C69" s="124">
        <v>0.51</v>
      </c>
      <c r="D69" s="97">
        <v>0.1020433240757372</v>
      </c>
      <c r="E69" s="124">
        <v>0.22</v>
      </c>
      <c r="F69" s="97">
        <v>8.6119399242713751E-2</v>
      </c>
      <c r="G69" s="124">
        <v>0.27</v>
      </c>
      <c r="H69" s="97">
        <v>9.1609791383425912E-2</v>
      </c>
    </row>
    <row r="70" spans="1:8">
      <c r="A70" s="53" t="s">
        <v>439</v>
      </c>
      <c r="B70" s="53">
        <v>605</v>
      </c>
      <c r="C70" s="121">
        <v>0.61</v>
      </c>
      <c r="D70" s="94">
        <v>3.9542409491803661E-2</v>
      </c>
      <c r="E70" s="121">
        <v>0.24</v>
      </c>
      <c r="F70" s="94">
        <v>3.4696440747883181E-2</v>
      </c>
      <c r="G70" s="121">
        <v>0.15</v>
      </c>
      <c r="H70" s="94">
        <v>2.911997837928585E-2</v>
      </c>
    </row>
    <row r="71" spans="1:8">
      <c r="A71" s="49" t="s">
        <v>440</v>
      </c>
      <c r="B71" s="49">
        <v>270</v>
      </c>
      <c r="C71" s="124">
        <v>0.72</v>
      </c>
      <c r="D71" s="97">
        <v>5.4438450318398751E-2</v>
      </c>
      <c r="E71" s="124">
        <v>0.19</v>
      </c>
      <c r="F71" s="97">
        <v>4.7826535534795003E-2</v>
      </c>
      <c r="G71" s="124">
        <v>0.09</v>
      </c>
      <c r="H71" s="97">
        <v>3.5591396517690679E-2</v>
      </c>
    </row>
    <row r="72" spans="1:8">
      <c r="A72" s="53" t="s">
        <v>441</v>
      </c>
      <c r="B72" s="53">
        <v>73</v>
      </c>
      <c r="C72" s="121">
        <v>0.54</v>
      </c>
      <c r="D72" s="94">
        <v>0.11363233397669321</v>
      </c>
      <c r="E72" s="121">
        <v>0.24</v>
      </c>
      <c r="F72" s="94">
        <v>9.9149880315476335E-2</v>
      </c>
      <c r="G72" s="121">
        <v>0.21</v>
      </c>
      <c r="H72" s="94">
        <v>9.5185590437675577E-2</v>
      </c>
    </row>
    <row r="73" spans="1:8">
      <c r="A73" s="49" t="s">
        <v>442</v>
      </c>
      <c r="B73" s="49">
        <v>135</v>
      </c>
      <c r="C73" s="124">
        <v>0.47</v>
      </c>
      <c r="D73" s="97">
        <v>8.4674757054554656E-2</v>
      </c>
      <c r="E73" s="124">
        <v>0.33</v>
      </c>
      <c r="F73" s="97">
        <v>8.0061015732444674E-2</v>
      </c>
      <c r="G73" s="124">
        <v>0.2</v>
      </c>
      <c r="H73" s="97">
        <v>6.8929183931389262E-2</v>
      </c>
    </row>
    <row r="74" spans="1:8">
      <c r="A74" s="53" t="s">
        <v>443</v>
      </c>
      <c r="B74" s="53">
        <v>121</v>
      </c>
      <c r="C74" s="121">
        <v>0.54</v>
      </c>
      <c r="D74" s="94">
        <v>8.9174123888042772E-2</v>
      </c>
      <c r="E74" s="121">
        <v>0.26</v>
      </c>
      <c r="F74" s="94">
        <v>7.9201498490874531E-2</v>
      </c>
      <c r="G74" s="121">
        <v>0.2</v>
      </c>
      <c r="H74" s="94">
        <v>7.281051352655056E-2</v>
      </c>
    </row>
    <row r="75" spans="1:8">
      <c r="A75" s="49" t="s">
        <v>444</v>
      </c>
      <c r="B75" s="49">
        <v>588</v>
      </c>
      <c r="C75" s="124">
        <v>0.52</v>
      </c>
      <c r="D75" s="97">
        <v>4.1067297039218895E-2</v>
      </c>
      <c r="E75" s="124">
        <v>0.21</v>
      </c>
      <c r="F75" s="97">
        <v>3.3594627044376678E-2</v>
      </c>
      <c r="G75" s="124">
        <v>0.27</v>
      </c>
      <c r="H75" s="97">
        <v>3.6559138483113159E-2</v>
      </c>
    </row>
    <row r="76" spans="1:8">
      <c r="A76" s="45" t="s">
        <v>445</v>
      </c>
      <c r="B76" s="127">
        <v>531</v>
      </c>
      <c r="C76" s="121">
        <v>0.53800000000000003</v>
      </c>
      <c r="D76" s="94">
        <v>4.3110595597110203E-2</v>
      </c>
      <c r="E76" s="121">
        <v>0.20399999999999999</v>
      </c>
      <c r="F76" s="94">
        <v>3.4983493897220448E-2</v>
      </c>
      <c r="G76" s="121">
        <v>0.25800000000000001</v>
      </c>
      <c r="H76" s="94">
        <v>3.7918599448906291E-2</v>
      </c>
    </row>
    <row r="77" spans="1:8" ht="25.5">
      <c r="A77" s="49" t="s">
        <v>450</v>
      </c>
      <c r="B77" s="129">
        <v>122</v>
      </c>
      <c r="C77" s="124">
        <v>0.53</v>
      </c>
      <c r="D77" s="97">
        <v>8.8936616600289037E-2</v>
      </c>
      <c r="E77" s="124">
        <v>0.15</v>
      </c>
      <c r="F77" s="97">
        <v>6.5502773717510926E-2</v>
      </c>
      <c r="G77" s="124">
        <v>0.32</v>
      </c>
      <c r="H77" s="97">
        <v>8.349973667783181E-2</v>
      </c>
    </row>
    <row r="78" spans="1:8">
      <c r="A78" s="53" t="s">
        <v>447</v>
      </c>
      <c r="B78" s="83">
        <v>172</v>
      </c>
      <c r="C78" s="98">
        <v>0.7</v>
      </c>
      <c r="D78" s="94">
        <v>6.9379968398856282E-2</v>
      </c>
      <c r="E78" s="98">
        <v>0.2</v>
      </c>
      <c r="F78" s="94">
        <v>6.105966186064609E-2</v>
      </c>
      <c r="G78" s="98">
        <v>0.1</v>
      </c>
      <c r="H78" s="94">
        <v>4.6998569283017953E-2</v>
      </c>
    </row>
    <row r="79" spans="1:8">
      <c r="A79" s="49" t="s">
        <v>446</v>
      </c>
      <c r="B79" s="129">
        <v>109</v>
      </c>
      <c r="C79" s="124">
        <v>0.72</v>
      </c>
      <c r="D79" s="97">
        <v>8.5178812811514168E-2</v>
      </c>
      <c r="E79" s="124">
        <v>0.2</v>
      </c>
      <c r="F79" s="97">
        <v>7.6715520529005252E-2</v>
      </c>
      <c r="G79" s="124">
        <v>0.08</v>
      </c>
      <c r="H79" s="97">
        <v>5.5132169513198596E-2</v>
      </c>
    </row>
    <row r="80" spans="1:8">
      <c r="A80" s="57" t="s">
        <v>451</v>
      </c>
      <c r="B80" s="127">
        <v>54</v>
      </c>
      <c r="C80" s="121">
        <v>0.17</v>
      </c>
      <c r="D80" s="94">
        <v>0.10359161690203368</v>
      </c>
      <c r="E80" s="121">
        <v>0.31</v>
      </c>
      <c r="F80" s="94">
        <v>0.12281401975123124</v>
      </c>
      <c r="G80" s="121">
        <v>0.52</v>
      </c>
      <c r="H80" s="94">
        <v>0.13121534548524205</v>
      </c>
    </row>
    <row r="81" spans="1:8">
      <c r="A81" s="49" t="s">
        <v>448</v>
      </c>
      <c r="B81" s="129">
        <v>102</v>
      </c>
      <c r="C81" s="124">
        <v>0.56999999999999995</v>
      </c>
      <c r="D81" s="97">
        <v>9.6243173489582362E-2</v>
      </c>
      <c r="E81" s="124">
        <v>0.22</v>
      </c>
      <c r="F81" s="97">
        <v>8.1820175575889831E-2</v>
      </c>
      <c r="G81" s="124">
        <v>0.21</v>
      </c>
      <c r="H81" s="97">
        <v>8.0593883351022397E-2</v>
      </c>
    </row>
    <row r="82" spans="1:8">
      <c r="A82" s="57" t="s">
        <v>449</v>
      </c>
      <c r="B82" s="127">
        <v>130</v>
      </c>
      <c r="C82" s="121">
        <v>0.52</v>
      </c>
      <c r="D82" s="94">
        <v>8.6321772935293403E-2</v>
      </c>
      <c r="E82" s="121">
        <v>0.24</v>
      </c>
      <c r="F82" s="94">
        <v>7.458853994700175E-2</v>
      </c>
      <c r="G82" s="121">
        <v>0.24</v>
      </c>
      <c r="H82" s="94">
        <v>7.458853994700175E-2</v>
      </c>
    </row>
    <row r="90" spans="1:8" ht="18.75">
      <c r="A90" s="317" t="s">
        <v>10</v>
      </c>
      <c r="B90" s="317"/>
      <c r="C90" s="317"/>
      <c r="D90" s="317"/>
    </row>
    <row r="91" spans="1:8" ht="103.5" customHeight="1">
      <c r="A91" s="355" t="s">
        <v>475</v>
      </c>
      <c r="B91" s="355"/>
      <c r="C91" s="355"/>
      <c r="D91" s="355"/>
    </row>
    <row r="92" spans="1:8" ht="37.5" customHeight="1">
      <c r="A92" s="354" t="s">
        <v>133</v>
      </c>
      <c r="B92" s="354"/>
      <c r="C92" s="354"/>
      <c r="D92" s="354"/>
    </row>
    <row r="93" spans="1:8" ht="36" customHeight="1">
      <c r="A93" s="37" t="s">
        <v>85</v>
      </c>
      <c r="B93" s="38" t="s">
        <v>86</v>
      </c>
      <c r="C93" s="39" t="s">
        <v>87</v>
      </c>
      <c r="D93" s="40" t="s">
        <v>88</v>
      </c>
    </row>
    <row r="94" spans="1:8" ht="60">
      <c r="A94" s="41"/>
      <c r="B94" s="42" t="s">
        <v>89</v>
      </c>
      <c r="C94" s="43" t="s">
        <v>134</v>
      </c>
      <c r="D94" s="44" t="s">
        <v>91</v>
      </c>
    </row>
    <row r="95" spans="1:8">
      <c r="A95" s="45" t="s">
        <v>435</v>
      </c>
      <c r="B95" s="127">
        <v>11074</v>
      </c>
      <c r="C95" s="84">
        <v>3.58</v>
      </c>
      <c r="D95" s="85">
        <v>1.9599999999999999E-2</v>
      </c>
    </row>
    <row r="96" spans="1:8">
      <c r="A96" s="49" t="s">
        <v>436</v>
      </c>
      <c r="B96" s="49">
        <v>8741</v>
      </c>
      <c r="C96" s="118">
        <v>3.534729</v>
      </c>
      <c r="D96" s="119">
        <v>2.8834931999999997E-2</v>
      </c>
    </row>
    <row r="97" spans="1:4">
      <c r="A97" s="53" t="s">
        <v>437</v>
      </c>
      <c r="B97" s="53">
        <v>836</v>
      </c>
      <c r="C97" s="84">
        <v>3.51</v>
      </c>
      <c r="D97" s="85">
        <v>9.8000000000000004E-2</v>
      </c>
    </row>
    <row r="98" spans="1:4">
      <c r="A98" s="49" t="s">
        <v>438</v>
      </c>
      <c r="B98" s="49">
        <v>99</v>
      </c>
      <c r="C98" s="118">
        <v>3.62</v>
      </c>
      <c r="D98" s="119">
        <v>0.27440000000000003</v>
      </c>
    </row>
    <row r="99" spans="1:4">
      <c r="A99" s="53" t="s">
        <v>439</v>
      </c>
      <c r="B99" s="53">
        <v>685</v>
      </c>
      <c r="C99" s="84">
        <v>3.53</v>
      </c>
      <c r="D99" s="85">
        <v>9.8000000000000004E-2</v>
      </c>
    </row>
    <row r="100" spans="1:4">
      <c r="A100" s="49" t="s">
        <v>440</v>
      </c>
      <c r="B100" s="49">
        <v>293</v>
      </c>
      <c r="C100" s="118">
        <v>3.74</v>
      </c>
      <c r="D100" s="119">
        <v>0.13720000000000002</v>
      </c>
    </row>
    <row r="101" spans="1:4">
      <c r="A101" s="53" t="s">
        <v>441</v>
      </c>
      <c r="B101" s="53">
        <v>83</v>
      </c>
      <c r="C101" s="84">
        <v>3.4</v>
      </c>
      <c r="D101" s="85">
        <v>0.29399999999999998</v>
      </c>
    </row>
    <row r="102" spans="1:4">
      <c r="A102" s="49" t="s">
        <v>442</v>
      </c>
      <c r="B102" s="49">
        <v>156</v>
      </c>
      <c r="C102" s="118">
        <v>3.36</v>
      </c>
      <c r="D102" s="119">
        <v>0.21559999999999999</v>
      </c>
    </row>
    <row r="103" spans="1:4">
      <c r="A103" s="53" t="s">
        <v>443</v>
      </c>
      <c r="B103" s="53">
        <v>147</v>
      </c>
      <c r="C103" s="84">
        <v>3.29</v>
      </c>
      <c r="D103" s="85">
        <v>0.25480000000000003</v>
      </c>
    </row>
    <row r="104" spans="1:4">
      <c r="A104" s="49" t="s">
        <v>444</v>
      </c>
      <c r="B104" s="49">
        <v>769</v>
      </c>
      <c r="C104" s="118">
        <v>3.46</v>
      </c>
      <c r="D104" s="119">
        <v>9.8000000000000004E-2</v>
      </c>
    </row>
    <row r="105" spans="1:4">
      <c r="A105" s="45" t="s">
        <v>445</v>
      </c>
      <c r="B105" s="127">
        <v>555</v>
      </c>
      <c r="C105" s="115">
        <v>3.45</v>
      </c>
      <c r="D105" s="116">
        <v>0.1176</v>
      </c>
    </row>
    <row r="106" spans="1:4" ht="25.5">
      <c r="A106" s="49" t="s">
        <v>450</v>
      </c>
      <c r="B106" s="129">
        <v>141</v>
      </c>
      <c r="C106" s="118">
        <v>3.21</v>
      </c>
      <c r="D106" s="119">
        <v>0.21559999999999999</v>
      </c>
    </row>
    <row r="107" spans="1:4">
      <c r="A107" s="53" t="s">
        <v>447</v>
      </c>
      <c r="B107" s="83">
        <v>184</v>
      </c>
      <c r="C107" s="84">
        <v>3.82</v>
      </c>
      <c r="D107" s="85">
        <v>0.1764</v>
      </c>
    </row>
    <row r="108" spans="1:4">
      <c r="A108" s="49" t="s">
        <v>446</v>
      </c>
      <c r="B108" s="129">
        <v>118</v>
      </c>
      <c r="C108" s="118">
        <v>3.93</v>
      </c>
      <c r="D108" s="119">
        <v>0.21559999999999999</v>
      </c>
    </row>
    <row r="109" spans="1:4">
      <c r="A109" s="57" t="s">
        <v>451</v>
      </c>
      <c r="B109" s="127">
        <v>177</v>
      </c>
      <c r="C109" s="115">
        <v>3.36</v>
      </c>
      <c r="D109" s="116">
        <v>0.41159999999999997</v>
      </c>
    </row>
    <row r="110" spans="1:4">
      <c r="A110" s="49" t="s">
        <v>448</v>
      </c>
      <c r="B110" s="129">
        <v>116</v>
      </c>
      <c r="C110" s="118">
        <v>3.51</v>
      </c>
      <c r="D110" s="119">
        <v>0.29399999999999998</v>
      </c>
    </row>
    <row r="111" spans="1:4">
      <c r="A111" s="57" t="s">
        <v>449</v>
      </c>
      <c r="B111" s="127">
        <v>142</v>
      </c>
      <c r="C111" s="115">
        <v>3.39</v>
      </c>
      <c r="D111" s="116">
        <v>0.21559999999999999</v>
      </c>
    </row>
    <row r="116" spans="1:30">
      <c r="P116" s="249"/>
      <c r="Q116" s="249"/>
      <c r="R116" s="249"/>
      <c r="S116" s="249"/>
      <c r="T116" s="249"/>
      <c r="U116" s="249"/>
      <c r="V116" s="249"/>
      <c r="W116" s="249"/>
      <c r="X116" s="249"/>
      <c r="Y116" s="249"/>
      <c r="Z116" s="249"/>
      <c r="AA116" s="249"/>
      <c r="AB116" s="249"/>
      <c r="AC116" s="249"/>
      <c r="AD116" s="249"/>
    </row>
    <row r="118" spans="1:30">
      <c r="P118" s="249"/>
      <c r="Q118" s="249"/>
      <c r="R118" s="249"/>
      <c r="S118" s="249"/>
      <c r="T118" s="249"/>
      <c r="U118" s="249"/>
      <c r="V118" s="249"/>
      <c r="W118" s="249"/>
      <c r="X118" s="249"/>
      <c r="Y118" s="249"/>
      <c r="Z118" s="249"/>
      <c r="AA118" s="249"/>
      <c r="AB118" s="249"/>
      <c r="AC118" s="249"/>
      <c r="AD118" s="249"/>
    </row>
    <row r="119" spans="1:30" ht="18.75">
      <c r="A119" s="325" t="s">
        <v>37</v>
      </c>
      <c r="B119" s="325"/>
      <c r="C119" s="325"/>
      <c r="D119" s="325"/>
      <c r="E119" s="325"/>
      <c r="F119" s="325"/>
      <c r="G119" s="325"/>
      <c r="H119" s="325"/>
      <c r="I119" s="325"/>
      <c r="J119" s="325"/>
      <c r="K119" s="325"/>
      <c r="L119" s="325"/>
      <c r="M119" s="325"/>
      <c r="N119" s="325"/>
      <c r="O119" s="325"/>
      <c r="P119" s="325"/>
      <c r="Q119" s="325"/>
      <c r="R119" s="325"/>
      <c r="S119" s="325"/>
      <c r="T119" s="227"/>
      <c r="U119" s="227"/>
      <c r="V119" s="227"/>
      <c r="W119" s="227"/>
      <c r="X119" s="227"/>
      <c r="Y119" s="227"/>
      <c r="Z119" s="227"/>
      <c r="AA119" s="227"/>
      <c r="AB119" s="249"/>
    </row>
    <row r="120" spans="1:30" ht="72" customHeight="1">
      <c r="A120" s="352" t="s">
        <v>476</v>
      </c>
      <c r="B120" s="352"/>
      <c r="C120" s="352"/>
      <c r="D120" s="352"/>
      <c r="E120" s="352"/>
      <c r="F120" s="352"/>
      <c r="G120" s="352"/>
      <c r="H120" s="352"/>
      <c r="I120" s="352"/>
      <c r="J120" s="352"/>
      <c r="K120" s="352"/>
      <c r="L120" s="352"/>
      <c r="M120" s="352"/>
      <c r="N120" s="352"/>
      <c r="O120" s="352"/>
      <c r="P120" s="352"/>
      <c r="Q120" s="352"/>
      <c r="R120" s="352"/>
      <c r="S120" s="352"/>
      <c r="T120" s="230"/>
      <c r="U120" s="230"/>
      <c r="V120" s="230"/>
      <c r="W120" s="230"/>
      <c r="X120" s="230"/>
      <c r="Y120" s="230"/>
      <c r="Z120" s="230"/>
      <c r="AA120" s="230"/>
      <c r="AB120" s="249"/>
    </row>
    <row r="121" spans="1:30" ht="41.25" customHeight="1">
      <c r="A121" s="64"/>
      <c r="B121" s="347" t="s">
        <v>245</v>
      </c>
      <c r="C121" s="348"/>
      <c r="D121" s="348"/>
      <c r="E121" s="348"/>
      <c r="F121" s="348"/>
      <c r="G121" s="348"/>
      <c r="H121" s="348"/>
      <c r="I121" s="348"/>
      <c r="J121" s="349"/>
      <c r="K121" s="350" t="s">
        <v>218</v>
      </c>
      <c r="L121" s="353"/>
      <c r="M121" s="353"/>
      <c r="N121" s="353"/>
      <c r="O121" s="353"/>
      <c r="P121" s="353"/>
      <c r="Q121" s="353"/>
      <c r="R121" s="353"/>
      <c r="S121" s="353"/>
      <c r="T121" s="249"/>
      <c r="U121" s="249"/>
      <c r="V121" s="249"/>
      <c r="W121" s="249"/>
      <c r="X121" s="249"/>
      <c r="Y121" s="249"/>
      <c r="Z121" s="249"/>
      <c r="AA121" s="249"/>
      <c r="AB121" s="249"/>
    </row>
    <row r="122" spans="1:30" ht="40.5" customHeight="1">
      <c r="A122" s="37" t="s">
        <v>85</v>
      </c>
      <c r="B122" s="38" t="s">
        <v>86</v>
      </c>
      <c r="C122" s="38" t="s">
        <v>178</v>
      </c>
      <c r="D122" s="89" t="s">
        <v>101</v>
      </c>
      <c r="E122" s="38" t="s">
        <v>179</v>
      </c>
      <c r="F122" s="89" t="s">
        <v>102</v>
      </c>
      <c r="G122" s="38" t="s">
        <v>180</v>
      </c>
      <c r="H122" s="89" t="s">
        <v>103</v>
      </c>
      <c r="I122" s="38" t="s">
        <v>357</v>
      </c>
      <c r="J122" s="89" t="s">
        <v>356</v>
      </c>
      <c r="K122" s="65" t="s">
        <v>86</v>
      </c>
      <c r="L122" s="65" t="s">
        <v>178</v>
      </c>
      <c r="M122" s="88" t="s">
        <v>101</v>
      </c>
      <c r="N122" s="65" t="s">
        <v>179</v>
      </c>
      <c r="O122" s="88" t="s">
        <v>102</v>
      </c>
      <c r="P122" s="65" t="s">
        <v>180</v>
      </c>
      <c r="Q122" s="88" t="s">
        <v>103</v>
      </c>
      <c r="R122" s="65" t="s">
        <v>357</v>
      </c>
      <c r="S122" s="88" t="s">
        <v>356</v>
      </c>
    </row>
    <row r="123" spans="1:30" ht="66" customHeight="1">
      <c r="A123" s="41"/>
      <c r="B123" s="42" t="s">
        <v>89</v>
      </c>
      <c r="C123" s="42" t="s">
        <v>181</v>
      </c>
      <c r="D123" s="91" t="s">
        <v>104</v>
      </c>
      <c r="E123" s="42" t="s">
        <v>182</v>
      </c>
      <c r="F123" s="91" t="s">
        <v>104</v>
      </c>
      <c r="G123" s="42" t="s">
        <v>183</v>
      </c>
      <c r="H123" s="91" t="s">
        <v>104</v>
      </c>
      <c r="I123" s="42" t="s">
        <v>357</v>
      </c>
      <c r="J123" s="91" t="s">
        <v>104</v>
      </c>
      <c r="K123" s="68" t="s">
        <v>89</v>
      </c>
      <c r="L123" s="68" t="s">
        <v>181</v>
      </c>
      <c r="M123" s="90" t="s">
        <v>104</v>
      </c>
      <c r="N123" s="68" t="s">
        <v>182</v>
      </c>
      <c r="O123" s="90" t="s">
        <v>104</v>
      </c>
      <c r="P123" s="68" t="s">
        <v>183</v>
      </c>
      <c r="Q123" s="90" t="s">
        <v>104</v>
      </c>
      <c r="R123" s="68" t="s">
        <v>357</v>
      </c>
      <c r="S123" s="90" t="s">
        <v>104</v>
      </c>
    </row>
    <row r="124" spans="1:30">
      <c r="A124" s="45" t="s">
        <v>435</v>
      </c>
      <c r="B124" s="131">
        <v>9369</v>
      </c>
      <c r="C124" s="132">
        <v>0.37</v>
      </c>
      <c r="D124" s="94">
        <v>9.9741353621355475E-3</v>
      </c>
      <c r="E124" s="132">
        <v>0.221</v>
      </c>
      <c r="F124" s="94">
        <v>8.5731282152094537E-3</v>
      </c>
      <c r="G124" s="132">
        <v>0.40600000000000003</v>
      </c>
      <c r="H124" s="94">
        <v>1.0145038873403799E-2</v>
      </c>
      <c r="I124" s="132">
        <v>3.0000000000000001E-3</v>
      </c>
      <c r="J124" s="94">
        <v>1.1689246013616803E-3</v>
      </c>
      <c r="K124" s="131">
        <v>9309</v>
      </c>
      <c r="L124" s="132">
        <v>0.56100000000000005</v>
      </c>
      <c r="M124" s="94">
        <v>1.0284938582580939E-2</v>
      </c>
      <c r="N124" s="132">
        <v>0.153</v>
      </c>
      <c r="O124" s="94">
        <v>7.4635564944022306E-3</v>
      </c>
      <c r="P124" s="132">
        <v>0.17199999999999999</v>
      </c>
      <c r="Q124" s="94">
        <v>7.823578070147828E-3</v>
      </c>
      <c r="R124" s="132">
        <v>0.114</v>
      </c>
      <c r="S124" s="94">
        <v>6.5906676373308224E-3</v>
      </c>
    </row>
    <row r="125" spans="1:30">
      <c r="A125" s="49" t="s">
        <v>436</v>
      </c>
      <c r="B125" s="133">
        <v>8729</v>
      </c>
      <c r="C125" s="134">
        <v>0.37375328790127532</v>
      </c>
      <c r="D125" s="97">
        <v>1.0354450295772881E-2</v>
      </c>
      <c r="E125" s="134">
        <v>0.21759286025718899</v>
      </c>
      <c r="F125" s="97">
        <v>8.8324285743558578E-3</v>
      </c>
      <c r="G125" s="134">
        <v>0.40625327016899487</v>
      </c>
      <c r="H125" s="97">
        <v>1.0511254749015609E-2</v>
      </c>
      <c r="I125" s="134">
        <v>2.4005816725408747E-3</v>
      </c>
      <c r="J125" s="97">
        <v>1.0957982685366465E-3</v>
      </c>
      <c r="K125" s="133">
        <v>8676</v>
      </c>
      <c r="L125" s="134">
        <v>0.59507818213662678</v>
      </c>
      <c r="M125" s="97">
        <v>1.0537807050497342E-2</v>
      </c>
      <c r="N125" s="134">
        <v>0.14526782920903189</v>
      </c>
      <c r="O125" s="97">
        <v>7.5678509073263808E-3</v>
      </c>
      <c r="P125" s="134">
        <v>0.16198415705035279</v>
      </c>
      <c r="Q125" s="97">
        <v>7.912265737003878E-3</v>
      </c>
      <c r="R125" s="134">
        <v>9.7669831603988483E-2</v>
      </c>
      <c r="S125" s="97">
        <v>6.3782316201213256E-3</v>
      </c>
    </row>
    <row r="126" spans="1:30">
      <c r="A126" s="53" t="s">
        <v>437</v>
      </c>
      <c r="B126" s="83">
        <v>839</v>
      </c>
      <c r="C126" s="98">
        <v>0.44990000000000002</v>
      </c>
      <c r="D126" s="94">
        <v>3.4270139814653655E-2</v>
      </c>
      <c r="E126" s="98">
        <v>0.22650000000000001</v>
      </c>
      <c r="F126" s="94">
        <v>2.8890592737705698E-2</v>
      </c>
      <c r="G126" s="98">
        <v>0.31950000000000001</v>
      </c>
      <c r="H126" s="94">
        <v>3.2142048330266244E-2</v>
      </c>
      <c r="I126" s="98">
        <v>4.1000000000000003E-3</v>
      </c>
      <c r="J126" s="94">
        <v>5.5155913509177344E-3</v>
      </c>
      <c r="K126" s="83">
        <v>830</v>
      </c>
      <c r="L126" s="98">
        <v>0.44750000000000001</v>
      </c>
      <c r="M126" s="94">
        <v>3.4437593468006039E-2</v>
      </c>
      <c r="N126" s="98">
        <v>0.18990000000000001</v>
      </c>
      <c r="O126" s="94">
        <v>2.72441836205712E-2</v>
      </c>
      <c r="P126" s="98">
        <v>0.18</v>
      </c>
      <c r="Q126" s="94">
        <v>2.6694820150779289E-2</v>
      </c>
      <c r="R126" s="98">
        <v>0.18260000000000001</v>
      </c>
      <c r="S126" s="94">
        <v>2.6841865721768891E-2</v>
      </c>
    </row>
    <row r="127" spans="1:30">
      <c r="A127" s="49" t="s">
        <v>438</v>
      </c>
      <c r="B127" s="133">
        <v>91</v>
      </c>
      <c r="C127" s="134">
        <v>0.66300000000000003</v>
      </c>
      <c r="D127" s="97">
        <v>9.7467141353790795E-2</v>
      </c>
      <c r="E127" s="134">
        <v>0.222</v>
      </c>
      <c r="F127" s="97">
        <v>8.6836110153175786E-2</v>
      </c>
      <c r="G127" s="134">
        <v>0.115</v>
      </c>
      <c r="H127" s="97">
        <v>6.9280307553627227E-2</v>
      </c>
      <c r="I127" s="134">
        <v>0</v>
      </c>
      <c r="J127" s="97">
        <v>2.9457850911392545E-2</v>
      </c>
      <c r="K127" s="133">
        <v>91</v>
      </c>
      <c r="L127" s="134">
        <v>0.224</v>
      </c>
      <c r="M127" s="97">
        <v>8.7082241150079842E-2</v>
      </c>
      <c r="N127" s="134">
        <v>0.129</v>
      </c>
      <c r="O127" s="97">
        <v>7.217108438828948E-2</v>
      </c>
      <c r="P127" s="134">
        <v>0.56200000000000006</v>
      </c>
      <c r="Q127" s="97">
        <v>0.10187151668760068</v>
      </c>
      <c r="R127" s="134">
        <v>8.5000000000000006E-2</v>
      </c>
      <c r="S127" s="97">
        <v>6.2229736758612569E-2</v>
      </c>
    </row>
    <row r="128" spans="1:30">
      <c r="A128" s="53" t="s">
        <v>439</v>
      </c>
      <c r="B128" s="83">
        <v>630</v>
      </c>
      <c r="C128" s="98">
        <v>0.34</v>
      </c>
      <c r="D128" s="94">
        <v>3.7653744508969529E-2</v>
      </c>
      <c r="E128" s="98">
        <v>0.24299999999999999</v>
      </c>
      <c r="F128" s="94">
        <v>3.4144044172493011E-2</v>
      </c>
      <c r="G128" s="98">
        <v>0.41599999999999998</v>
      </c>
      <c r="H128" s="94">
        <v>3.9157753730066809E-2</v>
      </c>
      <c r="I128" s="98">
        <v>1E-3</v>
      </c>
      <c r="J128" s="94">
        <v>5.1052375418447447E-3</v>
      </c>
      <c r="K128" s="83">
        <v>630</v>
      </c>
      <c r="L128" s="98">
        <v>0.61399999999999999</v>
      </c>
      <c r="M128" s="94">
        <v>3.8682356860865692E-2</v>
      </c>
      <c r="N128" s="98">
        <v>0.13100000000000001</v>
      </c>
      <c r="O128" s="94">
        <v>2.7000607533450717E-2</v>
      </c>
      <c r="P128" s="98">
        <v>0.10299999999999999</v>
      </c>
      <c r="Q128" s="94">
        <v>2.4401153643940184E-2</v>
      </c>
      <c r="R128" s="98">
        <v>0.152</v>
      </c>
      <c r="S128" s="94">
        <v>2.8685096053859795E-2</v>
      </c>
    </row>
    <row r="129" spans="1:33">
      <c r="A129" s="49" t="s">
        <v>440</v>
      </c>
      <c r="B129" s="133">
        <v>281</v>
      </c>
      <c r="C129" s="134">
        <v>0.34100000000000003</v>
      </c>
      <c r="D129" s="97">
        <v>5.6248029942660073E-2</v>
      </c>
      <c r="E129" s="134">
        <v>0.221</v>
      </c>
      <c r="F129" s="97">
        <v>4.9464313149542263E-2</v>
      </c>
      <c r="G129" s="134">
        <v>0.438</v>
      </c>
      <c r="H129" s="97">
        <v>5.879051654626561E-2</v>
      </c>
      <c r="I129" s="134">
        <v>0</v>
      </c>
      <c r="J129" s="97">
        <v>9.8894222688490421E-3</v>
      </c>
      <c r="K129" s="133">
        <v>284</v>
      </c>
      <c r="L129" s="134">
        <v>0.50700000000000001</v>
      </c>
      <c r="M129" s="97">
        <v>5.8919949420443728E-2</v>
      </c>
      <c r="N129" s="134">
        <v>0.14499999999999999</v>
      </c>
      <c r="O129" s="97">
        <v>4.2073246987043331E-2</v>
      </c>
      <c r="P129" s="134">
        <v>0.11</v>
      </c>
      <c r="Q129" s="97">
        <v>3.7656278014691694E-2</v>
      </c>
      <c r="R129" s="134">
        <v>0.23799999999999999</v>
      </c>
      <c r="S129" s="97">
        <v>5.044930572496515E-2</v>
      </c>
    </row>
    <row r="130" spans="1:33">
      <c r="A130" s="53" t="s">
        <v>441</v>
      </c>
      <c r="B130" s="83">
        <v>75</v>
      </c>
      <c r="C130" s="98">
        <v>0.316</v>
      </c>
      <c r="D130" s="94">
        <v>0.10541915358104985</v>
      </c>
      <c r="E130" s="98">
        <v>0.32400000000000001</v>
      </c>
      <c r="F130" s="94">
        <v>0.10604068892145109</v>
      </c>
      <c r="G130" s="98">
        <v>0.36</v>
      </c>
      <c r="H130" s="94">
        <v>0.108460938957029</v>
      </c>
      <c r="I130" s="98">
        <v>0</v>
      </c>
      <c r="J130" s="94">
        <v>3.5346768793784435E-2</v>
      </c>
      <c r="K130" s="83">
        <v>73</v>
      </c>
      <c r="L130" s="98">
        <v>0.67300000000000004</v>
      </c>
      <c r="M130" s="94">
        <v>0.10765499007407039</v>
      </c>
      <c r="N130" s="98">
        <v>9.7000000000000003E-2</v>
      </c>
      <c r="O130" s="94">
        <v>7.3511686638293064E-2</v>
      </c>
      <c r="P130" s="98">
        <v>0.10199999999999999</v>
      </c>
      <c r="Q130" s="94">
        <v>7.4772760298493848E-2</v>
      </c>
      <c r="R130" s="98">
        <v>0.128</v>
      </c>
      <c r="S130" s="94">
        <v>8.0781930397269636E-2</v>
      </c>
    </row>
    <row r="131" spans="1:33">
      <c r="A131" s="49" t="s">
        <v>442</v>
      </c>
      <c r="B131" s="133">
        <v>143</v>
      </c>
      <c r="C131" s="134">
        <v>0.28899999999999998</v>
      </c>
      <c r="D131" s="97">
        <v>7.520836304297307E-2</v>
      </c>
      <c r="E131" s="134">
        <v>0.32300000000000001</v>
      </c>
      <c r="F131" s="97">
        <v>7.7433804530693262E-2</v>
      </c>
      <c r="G131" s="134">
        <v>0.38300000000000001</v>
      </c>
      <c r="H131" s="97">
        <v>8.0313305514012626E-2</v>
      </c>
      <c r="I131" s="134">
        <v>5.0000000000000001E-3</v>
      </c>
      <c r="J131" s="97">
        <v>2.2210048268977389E-2</v>
      </c>
      <c r="K131" s="133">
        <v>144</v>
      </c>
      <c r="L131" s="134">
        <v>0.73499999999999999</v>
      </c>
      <c r="M131" s="97">
        <v>7.3101150852616134E-2</v>
      </c>
      <c r="N131" s="134">
        <v>0.13100000000000001</v>
      </c>
      <c r="O131" s="97">
        <v>5.7209806819530133E-2</v>
      </c>
      <c r="P131" s="134">
        <v>0.1</v>
      </c>
      <c r="Q131" s="97">
        <v>5.1604466341969857E-2</v>
      </c>
      <c r="R131" s="134">
        <v>3.4000000000000002E-2</v>
      </c>
      <c r="S131" s="97">
        <v>3.4650197280808065E-2</v>
      </c>
    </row>
    <row r="132" spans="1:33">
      <c r="A132" s="53" t="s">
        <v>443</v>
      </c>
      <c r="B132" s="83">
        <v>125</v>
      </c>
      <c r="C132" s="98">
        <v>0.40200000000000002</v>
      </c>
      <c r="D132" s="94">
        <v>8.6442589782664461E-2</v>
      </c>
      <c r="E132" s="98">
        <v>0.16800000000000001</v>
      </c>
      <c r="F132" s="94">
        <v>6.7400370033885257E-2</v>
      </c>
      <c r="G132" s="98">
        <v>0.43</v>
      </c>
      <c r="H132" s="94">
        <v>8.7231166593309623E-2</v>
      </c>
      <c r="I132" s="98">
        <v>0</v>
      </c>
      <c r="J132" s="94">
        <v>2.1755160342254897E-2</v>
      </c>
      <c r="K132" s="83">
        <v>123</v>
      </c>
      <c r="L132" s="98">
        <v>0.7</v>
      </c>
      <c r="M132" s="94">
        <v>8.1806378851454573E-2</v>
      </c>
      <c r="N132" s="98">
        <v>0.11600000000000001</v>
      </c>
      <c r="O132" s="94">
        <v>5.9310019677622922E-2</v>
      </c>
      <c r="P132" s="98">
        <v>9.0999999999999998E-2</v>
      </c>
      <c r="Q132" s="94">
        <v>5.41477834134955E-2</v>
      </c>
      <c r="R132" s="98">
        <v>9.4E-2</v>
      </c>
      <c r="S132" s="94">
        <v>5.4810727279179523E-2</v>
      </c>
    </row>
    <row r="133" spans="1:33">
      <c r="A133" s="49" t="s">
        <v>444</v>
      </c>
      <c r="B133" s="133">
        <v>619</v>
      </c>
      <c r="C133" s="134">
        <v>0.36799999999999999</v>
      </c>
      <c r="D133" s="97">
        <v>3.8661308683162775E-2</v>
      </c>
      <c r="E133" s="134">
        <v>0.20300000000000001</v>
      </c>
      <c r="F133" s="97">
        <v>3.2342475494566737E-2</v>
      </c>
      <c r="G133" s="134">
        <v>0.42199999999999999</v>
      </c>
      <c r="H133" s="97">
        <v>3.9579967564504819E-2</v>
      </c>
      <c r="I133" s="134">
        <v>6.0000000000000001E-3</v>
      </c>
      <c r="J133" s="97">
        <v>7.6385558323510631E-3</v>
      </c>
      <c r="K133" s="133">
        <v>614</v>
      </c>
      <c r="L133" s="134">
        <v>0.64800000000000002</v>
      </c>
      <c r="M133" s="97">
        <v>3.8447091312706724E-2</v>
      </c>
      <c r="N133" s="134">
        <v>0.16300000000000001</v>
      </c>
      <c r="O133" s="97">
        <v>2.9875295408647862E-2</v>
      </c>
      <c r="P133" s="134">
        <v>0.10299999999999999</v>
      </c>
      <c r="Q133" s="97">
        <v>2.4721705832495604E-2</v>
      </c>
      <c r="R133" s="134">
        <v>8.5000000000000006E-2</v>
      </c>
      <c r="S133" s="97">
        <v>2.2754811687916505E-2</v>
      </c>
    </row>
    <row r="134" spans="1:33">
      <c r="A134" s="45" t="s">
        <v>445</v>
      </c>
      <c r="B134" s="131">
        <v>557</v>
      </c>
      <c r="C134" s="132">
        <v>0.36699999999999999</v>
      </c>
      <c r="D134" s="94">
        <v>4.0720984466154825E-2</v>
      </c>
      <c r="E134" s="132">
        <v>0.19900000000000001</v>
      </c>
      <c r="F134" s="94">
        <v>3.384839712787182E-2</v>
      </c>
      <c r="G134" s="132">
        <v>0.43</v>
      </c>
      <c r="H134" s="94">
        <v>4.1810166535941849E-2</v>
      </c>
      <c r="I134" s="132">
        <v>4.0000000000000001E-3</v>
      </c>
      <c r="J134" s="94">
        <v>7.3028416932978853E-3</v>
      </c>
      <c r="K134" s="131">
        <v>552</v>
      </c>
      <c r="L134" s="132">
        <v>0.68300000000000005</v>
      </c>
      <c r="M134" s="94">
        <v>3.9510596231016694E-2</v>
      </c>
      <c r="N134" s="132">
        <v>0.161</v>
      </c>
      <c r="O134" s="94">
        <v>3.1363108005614579E-2</v>
      </c>
      <c r="P134" s="132">
        <v>9.8000000000000004E-2</v>
      </c>
      <c r="Q134" s="94">
        <v>2.5546244320786411E-2</v>
      </c>
      <c r="R134" s="132">
        <v>5.8000000000000003E-2</v>
      </c>
      <c r="S134" s="94">
        <v>2.0327689822782168E-2</v>
      </c>
    </row>
    <row r="135" spans="1:33" ht="25.5">
      <c r="A135" s="49" t="s">
        <v>450</v>
      </c>
      <c r="B135" s="133">
        <v>130</v>
      </c>
      <c r="C135" s="134">
        <v>0.47599999999999998</v>
      </c>
      <c r="D135" s="97">
        <v>8.6293126757145316E-2</v>
      </c>
      <c r="E135" s="134">
        <v>0.24299999999999999</v>
      </c>
      <c r="F135" s="97">
        <v>7.4880077216606694E-2</v>
      </c>
      <c r="G135" s="134">
        <v>0.28100000000000003</v>
      </c>
      <c r="H135" s="97">
        <v>7.8199821890979931E-2</v>
      </c>
      <c r="I135" s="134">
        <v>0</v>
      </c>
      <c r="J135" s="97">
        <v>2.0949553032762303E-2</v>
      </c>
      <c r="K135" s="133">
        <v>129</v>
      </c>
      <c r="L135" s="134">
        <v>0.72</v>
      </c>
      <c r="M135" s="97">
        <v>7.8418100483810205E-2</v>
      </c>
      <c r="N135" s="134">
        <v>0.13400000000000001</v>
      </c>
      <c r="O135" s="97">
        <v>6.1063343984968078E-2</v>
      </c>
      <c r="P135" s="134">
        <v>0.10100000000000001</v>
      </c>
      <c r="Q135" s="97">
        <v>5.4904154354780244E-2</v>
      </c>
      <c r="R135" s="134">
        <v>4.4999999999999998E-2</v>
      </c>
      <c r="S135" s="97">
        <v>4.0759840902689949E-2</v>
      </c>
    </row>
    <row r="136" spans="1:33">
      <c r="A136" s="53" t="s">
        <v>447</v>
      </c>
      <c r="B136" s="83">
        <v>179</v>
      </c>
      <c r="C136" s="98">
        <v>0.19700000000000001</v>
      </c>
      <c r="D136" s="94">
        <v>5.9535661300929965E-2</v>
      </c>
      <c r="E136" s="98">
        <v>0.23799999999999999</v>
      </c>
      <c r="F136" s="94">
        <v>6.3473936760140931E-2</v>
      </c>
      <c r="G136" s="98">
        <v>0.55400000000000005</v>
      </c>
      <c r="H136" s="94">
        <v>7.3508496551533714E-2</v>
      </c>
      <c r="I136" s="98">
        <v>0.01</v>
      </c>
      <c r="J136" s="94">
        <v>2.1054943772505472E-2</v>
      </c>
      <c r="K136" s="83">
        <v>178</v>
      </c>
      <c r="L136" s="98">
        <v>0.58499999999999996</v>
      </c>
      <c r="M136" s="94">
        <v>7.3093210475408191E-2</v>
      </c>
      <c r="N136" s="98">
        <v>0.19500000000000001</v>
      </c>
      <c r="O136" s="94">
        <v>5.9488493079268415E-2</v>
      </c>
      <c r="P136" s="98">
        <v>0.09</v>
      </c>
      <c r="Q136" s="94">
        <v>4.4278790364880444E-2</v>
      </c>
      <c r="R136" s="98">
        <v>0.13</v>
      </c>
      <c r="S136" s="94">
        <v>5.1151886549220829E-2</v>
      </c>
    </row>
    <row r="137" spans="1:33">
      <c r="A137" s="49" t="s">
        <v>446</v>
      </c>
      <c r="B137" s="133">
        <v>114</v>
      </c>
      <c r="C137" s="134">
        <v>0.18</v>
      </c>
      <c r="D137" s="97">
        <v>7.2351473939136532E-2</v>
      </c>
      <c r="E137" s="134">
        <v>0.23300000000000001</v>
      </c>
      <c r="F137" s="97">
        <v>7.8861009399324805E-2</v>
      </c>
      <c r="G137" s="134">
        <v>0.57399999999999995</v>
      </c>
      <c r="H137" s="97">
        <v>9.1111583998588277E-2</v>
      </c>
      <c r="I137" s="134">
        <v>1.4E-2</v>
      </c>
      <c r="J137" s="97">
        <v>3.1647355887237945E-2</v>
      </c>
      <c r="K137" s="133">
        <v>113</v>
      </c>
      <c r="L137" s="134">
        <v>0.53900000000000003</v>
      </c>
      <c r="M137" s="97">
        <v>9.2187327349460876E-2</v>
      </c>
      <c r="N137" s="134">
        <v>0.20300000000000001</v>
      </c>
      <c r="O137" s="97">
        <v>7.5723131315297579E-2</v>
      </c>
      <c r="P137" s="134">
        <v>0.11</v>
      </c>
      <c r="Q137" s="97">
        <v>6.0798735429444278E-2</v>
      </c>
      <c r="R137" s="134">
        <v>0.14799999999999999</v>
      </c>
      <c r="S137" s="97">
        <v>6.779134571356138E-2</v>
      </c>
    </row>
    <row r="138" spans="1:33">
      <c r="A138" s="57" t="s">
        <v>451</v>
      </c>
      <c r="B138" s="131">
        <v>59</v>
      </c>
      <c r="C138" s="132">
        <v>0.47699999999999998</v>
      </c>
      <c r="D138" s="94">
        <v>0.12587119697156024</v>
      </c>
      <c r="E138" s="132">
        <v>0.13900000000000001</v>
      </c>
      <c r="F138" s="94">
        <v>9.2822528364114726E-2</v>
      </c>
      <c r="G138" s="132">
        <v>0.37</v>
      </c>
      <c r="H138" s="94">
        <v>0.1221962781638023</v>
      </c>
      <c r="I138" s="132">
        <v>1.4E-2</v>
      </c>
      <c r="J138" s="94">
        <v>5.2156650242908262E-2</v>
      </c>
      <c r="K138" s="131">
        <v>59</v>
      </c>
      <c r="L138" s="132">
        <v>0.51200000000000001</v>
      </c>
      <c r="M138" s="94">
        <v>0.12595633035514558</v>
      </c>
      <c r="N138" s="132">
        <v>0.26900000000000002</v>
      </c>
      <c r="O138" s="94">
        <v>0.11358512335210795</v>
      </c>
      <c r="P138" s="132">
        <v>0.13800000000000001</v>
      </c>
      <c r="Q138" s="94">
        <v>9.2605405527469153E-2</v>
      </c>
      <c r="R138" s="132">
        <v>8.1000000000000003E-2</v>
      </c>
      <c r="S138" s="94">
        <v>7.8082061602081962E-2</v>
      </c>
    </row>
    <row r="139" spans="1:33">
      <c r="A139" s="49" t="s">
        <v>448</v>
      </c>
      <c r="B139" s="133">
        <v>106</v>
      </c>
      <c r="C139" s="134">
        <v>0.41299999999999998</v>
      </c>
      <c r="D139" s="97">
        <v>9.3996414657394139E-2</v>
      </c>
      <c r="E139" s="134">
        <v>0.16300000000000001</v>
      </c>
      <c r="F139" s="97">
        <v>7.2498373587290943E-2</v>
      </c>
      <c r="G139" s="134">
        <v>0.42399999999999999</v>
      </c>
      <c r="H139" s="97">
        <v>9.431792176007163E-2</v>
      </c>
      <c r="I139" s="134">
        <v>0</v>
      </c>
      <c r="J139" s="97">
        <v>2.5478147263468021E-2</v>
      </c>
      <c r="K139" s="133">
        <v>104</v>
      </c>
      <c r="L139" s="134">
        <v>0.65</v>
      </c>
      <c r="M139" s="97">
        <v>9.2122262252729042E-2</v>
      </c>
      <c r="N139" s="134">
        <v>6.6000000000000003E-2</v>
      </c>
      <c r="O139" s="97">
        <v>5.2823227368185469E-2</v>
      </c>
      <c r="P139" s="134">
        <v>0.14399999999999999</v>
      </c>
      <c r="Q139" s="97">
        <v>7.0047074844015567E-2</v>
      </c>
      <c r="R139" s="134">
        <v>0.13900000000000001</v>
      </c>
      <c r="S139" s="97">
        <v>6.9162621194561916E-2</v>
      </c>
    </row>
    <row r="140" spans="1:33">
      <c r="A140" s="57" t="s">
        <v>449</v>
      </c>
      <c r="B140" s="131">
        <v>137</v>
      </c>
      <c r="C140" s="132">
        <v>0.34300000000000003</v>
      </c>
      <c r="D140" s="94">
        <v>8.0200049095538198E-2</v>
      </c>
      <c r="E140" s="132">
        <v>0.13700000000000001</v>
      </c>
      <c r="F140" s="94">
        <v>5.9692167571172544E-2</v>
      </c>
      <c r="G140" s="132">
        <v>0.51</v>
      </c>
      <c r="H140" s="94">
        <v>8.4199289645091699E-2</v>
      </c>
      <c r="I140" s="132">
        <v>0.01</v>
      </c>
      <c r="J140" s="94">
        <v>2.5726033572353167E-2</v>
      </c>
      <c r="K140" s="131">
        <v>136</v>
      </c>
      <c r="L140" s="132">
        <v>0.72399999999999998</v>
      </c>
      <c r="M140" s="94">
        <v>7.6092094577182301E-2</v>
      </c>
      <c r="N140" s="132">
        <v>0.17599999999999999</v>
      </c>
      <c r="O140" s="94">
        <v>6.5669504528912709E-2</v>
      </c>
      <c r="P140" s="132">
        <v>6.9000000000000006E-2</v>
      </c>
      <c r="Q140" s="94">
        <v>4.6199032968562453E-2</v>
      </c>
      <c r="R140" s="132">
        <v>3.1E-2</v>
      </c>
      <c r="S140" s="94">
        <v>3.4817335583626402E-2</v>
      </c>
    </row>
    <row r="141" spans="1:33">
      <c r="T141" s="249"/>
      <c r="U141" s="249"/>
      <c r="V141" s="249"/>
      <c r="W141" s="249"/>
      <c r="X141" s="249"/>
      <c r="Y141" s="249"/>
      <c r="Z141" s="249"/>
      <c r="AA141" s="249"/>
      <c r="AB141" s="249"/>
      <c r="AC141" s="249"/>
      <c r="AD141" s="249"/>
      <c r="AE141" s="249"/>
      <c r="AF141" s="249"/>
      <c r="AG141" s="249"/>
    </row>
    <row r="142" spans="1:33">
      <c r="T142" s="249"/>
      <c r="U142" s="249"/>
      <c r="V142" s="249"/>
      <c r="W142" s="249"/>
      <c r="X142" s="249"/>
      <c r="Y142" s="249"/>
      <c r="Z142" s="249"/>
      <c r="AA142" s="249"/>
      <c r="AB142" s="249"/>
      <c r="AC142" s="249"/>
      <c r="AD142" s="249"/>
      <c r="AE142" s="249"/>
      <c r="AF142" s="249"/>
      <c r="AG142" s="249"/>
    </row>
    <row r="143" spans="1:33">
      <c r="T143" s="249"/>
      <c r="U143" s="249"/>
      <c r="V143" s="249"/>
      <c r="W143" s="249"/>
      <c r="X143" s="249"/>
      <c r="Y143" s="249"/>
      <c r="Z143" s="249"/>
      <c r="AA143" s="249"/>
      <c r="AB143" s="249"/>
      <c r="AC143" s="249"/>
      <c r="AD143" s="249"/>
      <c r="AE143" s="249"/>
      <c r="AF143" s="249"/>
      <c r="AG143" s="249"/>
    </row>
    <row r="144" spans="1:33">
      <c r="T144" s="249"/>
      <c r="U144" s="249"/>
      <c r="V144" s="249"/>
      <c r="W144" s="249"/>
      <c r="X144" s="249"/>
      <c r="Y144" s="249"/>
      <c r="Z144" s="249"/>
      <c r="AA144" s="249"/>
      <c r="AB144" s="249"/>
      <c r="AC144" s="249"/>
      <c r="AD144" s="249"/>
      <c r="AE144" s="249"/>
      <c r="AF144" s="249"/>
      <c r="AG144" s="249"/>
    </row>
    <row r="145" spans="1:33">
      <c r="T145" s="249"/>
      <c r="U145" s="249"/>
      <c r="V145" s="249"/>
      <c r="W145" s="249"/>
      <c r="X145" s="249"/>
      <c r="Y145" s="249"/>
      <c r="Z145" s="249"/>
      <c r="AA145" s="249"/>
      <c r="AB145" s="249"/>
      <c r="AC145" s="249"/>
      <c r="AD145" s="249"/>
      <c r="AE145" s="249"/>
      <c r="AF145" s="249"/>
      <c r="AG145" s="249"/>
    </row>
    <row r="146" spans="1:33">
      <c r="T146" s="249"/>
      <c r="U146" s="249"/>
      <c r="V146" s="249"/>
      <c r="W146" s="249"/>
      <c r="X146" s="249"/>
      <c r="Y146" s="249"/>
      <c r="Z146" s="249"/>
      <c r="AA146" s="249"/>
      <c r="AB146" s="249"/>
      <c r="AC146" s="249"/>
      <c r="AD146" s="249"/>
      <c r="AE146" s="249"/>
      <c r="AF146" s="249"/>
      <c r="AG146" s="249"/>
    </row>
    <row r="147" spans="1:33">
      <c r="R147" s="249"/>
      <c r="S147" s="249"/>
      <c r="T147" s="249"/>
      <c r="U147" s="249"/>
      <c r="V147" s="249"/>
      <c r="W147" s="249"/>
      <c r="X147" s="249"/>
      <c r="Y147" s="249"/>
      <c r="Z147" s="249"/>
      <c r="AA147" s="249"/>
      <c r="AB147" s="249"/>
      <c r="AC147" s="249"/>
      <c r="AD147" s="249"/>
      <c r="AE147" s="249"/>
    </row>
    <row r="148" spans="1:33" ht="18.75">
      <c r="A148" s="325" t="s">
        <v>255</v>
      </c>
      <c r="B148" s="325"/>
      <c r="C148" s="325"/>
      <c r="D148" s="325"/>
      <c r="E148" s="325"/>
      <c r="F148" s="325"/>
      <c r="G148" s="325"/>
      <c r="H148" s="325"/>
      <c r="I148" s="325"/>
      <c r="J148" s="325"/>
      <c r="K148" s="325"/>
      <c r="L148" s="325"/>
      <c r="M148" s="325"/>
      <c r="N148" s="325"/>
      <c r="O148" s="325"/>
      <c r="P148" s="325"/>
      <c r="Q148" s="325"/>
      <c r="R148" s="325"/>
      <c r="S148" s="325"/>
      <c r="T148" s="325"/>
      <c r="U148" s="325"/>
      <c r="V148" s="325"/>
      <c r="W148" s="325"/>
      <c r="X148" s="227"/>
      <c r="Y148" s="227"/>
      <c r="Z148" s="227"/>
      <c r="AA148" s="227"/>
      <c r="AB148" s="227"/>
      <c r="AC148" s="227"/>
      <c r="AD148" s="249"/>
      <c r="AE148" s="249"/>
    </row>
    <row r="149" spans="1:33" ht="57.75" customHeight="1">
      <c r="A149" s="352" t="s">
        <v>477</v>
      </c>
      <c r="B149" s="352"/>
      <c r="C149" s="352"/>
      <c r="D149" s="352"/>
      <c r="E149" s="352"/>
      <c r="F149" s="352"/>
      <c r="G149" s="352"/>
      <c r="H149" s="352"/>
      <c r="I149" s="352"/>
      <c r="J149" s="352"/>
      <c r="K149" s="352"/>
      <c r="L149" s="352"/>
      <c r="M149" s="352"/>
      <c r="N149" s="352"/>
      <c r="O149" s="352"/>
      <c r="P149" s="352"/>
      <c r="Q149" s="352"/>
      <c r="R149" s="352"/>
      <c r="S149" s="352"/>
      <c r="T149" s="352"/>
      <c r="U149" s="352"/>
      <c r="V149" s="352"/>
      <c r="W149" s="352"/>
      <c r="X149" s="230"/>
      <c r="Y149" s="230"/>
      <c r="Z149" s="230"/>
      <c r="AA149" s="230"/>
      <c r="AB149" s="230"/>
      <c r="AC149" s="230"/>
      <c r="AD149" s="249"/>
      <c r="AE149" s="249"/>
    </row>
    <row r="150" spans="1:33" ht="41.25" customHeight="1">
      <c r="A150" s="64"/>
      <c r="B150" s="347" t="s">
        <v>256</v>
      </c>
      <c r="C150" s="348"/>
      <c r="D150" s="348"/>
      <c r="E150" s="348"/>
      <c r="F150" s="348"/>
      <c r="G150" s="348"/>
      <c r="H150" s="348"/>
      <c r="I150" s="348"/>
      <c r="J150" s="348"/>
      <c r="K150" s="348"/>
      <c r="L150" s="349"/>
      <c r="M150" s="350" t="s">
        <v>390</v>
      </c>
      <c r="N150" s="351"/>
      <c r="O150" s="351"/>
      <c r="P150" s="351"/>
      <c r="Q150" s="351"/>
      <c r="R150" s="351"/>
      <c r="S150" s="351"/>
      <c r="T150" s="351"/>
      <c r="U150" s="351"/>
      <c r="V150" s="351"/>
      <c r="W150" s="351"/>
      <c r="X150" s="249"/>
      <c r="Y150" s="249"/>
      <c r="Z150" s="249"/>
      <c r="AA150" s="249"/>
      <c r="AB150" s="249"/>
      <c r="AC150" s="249"/>
      <c r="AD150" s="249"/>
      <c r="AE150" s="249"/>
      <c r="AF150" s="249"/>
      <c r="AG150" s="249"/>
    </row>
    <row r="151" spans="1:33" ht="40.5" customHeight="1">
      <c r="A151" s="37" t="s">
        <v>85</v>
      </c>
      <c r="B151" s="38" t="s">
        <v>86</v>
      </c>
      <c r="C151" s="39" t="s">
        <v>87</v>
      </c>
      <c r="D151" s="40" t="s">
        <v>88</v>
      </c>
      <c r="E151" s="38" t="s">
        <v>257</v>
      </c>
      <c r="F151" s="89" t="s">
        <v>318</v>
      </c>
      <c r="G151" s="38" t="s">
        <v>258</v>
      </c>
      <c r="H151" s="89" t="s">
        <v>319</v>
      </c>
      <c r="I151" s="38" t="s">
        <v>259</v>
      </c>
      <c r="J151" s="89" t="s">
        <v>320</v>
      </c>
      <c r="K151" s="38" t="s">
        <v>357</v>
      </c>
      <c r="L151" s="89" t="s">
        <v>321</v>
      </c>
      <c r="M151" s="65" t="s">
        <v>86</v>
      </c>
      <c r="N151" s="66" t="s">
        <v>87</v>
      </c>
      <c r="O151" s="67" t="s">
        <v>88</v>
      </c>
      <c r="P151" s="65" t="s">
        <v>426</v>
      </c>
      <c r="Q151" s="88" t="s">
        <v>427</v>
      </c>
      <c r="R151" s="65" t="s">
        <v>422</v>
      </c>
      <c r="S151" s="88" t="s">
        <v>424</v>
      </c>
      <c r="T151" s="65" t="s">
        <v>428</v>
      </c>
      <c r="U151" s="88" t="s">
        <v>429</v>
      </c>
      <c r="V151" s="65" t="s">
        <v>357</v>
      </c>
      <c r="W151" s="88" t="s">
        <v>371</v>
      </c>
    </row>
    <row r="152" spans="1:33" ht="55.5" customHeight="1">
      <c r="A152" s="41"/>
      <c r="B152" s="42" t="s">
        <v>89</v>
      </c>
      <c r="C152" s="43" t="s">
        <v>360</v>
      </c>
      <c r="D152" s="44" t="s">
        <v>91</v>
      </c>
      <c r="E152" s="42" t="s">
        <v>181</v>
      </c>
      <c r="F152" s="91" t="s">
        <v>104</v>
      </c>
      <c r="G152" s="42" t="s">
        <v>182</v>
      </c>
      <c r="H152" s="91" t="s">
        <v>104</v>
      </c>
      <c r="I152" s="42" t="s">
        <v>183</v>
      </c>
      <c r="J152" s="91" t="s">
        <v>104</v>
      </c>
      <c r="K152" s="42" t="s">
        <v>357</v>
      </c>
      <c r="L152" s="91" t="s">
        <v>104</v>
      </c>
      <c r="M152" s="68" t="s">
        <v>89</v>
      </c>
      <c r="N152" s="69" t="s">
        <v>359</v>
      </c>
      <c r="O152" s="70" t="s">
        <v>91</v>
      </c>
      <c r="P152" s="68" t="s">
        <v>421</v>
      </c>
      <c r="Q152" s="90" t="s">
        <v>104</v>
      </c>
      <c r="R152" s="68" t="s">
        <v>423</v>
      </c>
      <c r="S152" s="90" t="s">
        <v>104</v>
      </c>
      <c r="T152" s="68" t="s">
        <v>181</v>
      </c>
      <c r="U152" s="90" t="s">
        <v>104</v>
      </c>
      <c r="V152" s="68" t="s">
        <v>357</v>
      </c>
      <c r="W152" s="90" t="s">
        <v>104</v>
      </c>
    </row>
    <row r="153" spans="1:33">
      <c r="A153" s="45" t="s">
        <v>435</v>
      </c>
      <c r="B153" s="131">
        <v>10986</v>
      </c>
      <c r="C153" s="84">
        <v>3.84</v>
      </c>
      <c r="D153" s="85">
        <v>3.9199999999999999E-2</v>
      </c>
      <c r="E153" s="132">
        <v>0.372</v>
      </c>
      <c r="F153" s="94">
        <v>9.2213291604924599E-3</v>
      </c>
      <c r="G153" s="132">
        <v>0.20100000000000001</v>
      </c>
      <c r="H153" s="94">
        <v>7.6469900762182247E-3</v>
      </c>
      <c r="I153" s="132">
        <v>0.33300000000000002</v>
      </c>
      <c r="J153" s="94">
        <v>8.9915802829965766E-3</v>
      </c>
      <c r="K153" s="132">
        <v>9.5000000000000001E-2</v>
      </c>
      <c r="L153" s="94">
        <v>5.5978150464278675E-3</v>
      </c>
      <c r="M153" s="131">
        <v>11034</v>
      </c>
      <c r="N153" s="84">
        <v>4.9800000000000004</v>
      </c>
      <c r="O153" s="85">
        <v>3.9199999999999999E-2</v>
      </c>
      <c r="P153" s="132">
        <v>0.38100000000000001</v>
      </c>
      <c r="Q153" s="94">
        <v>9.244896666070538E-3</v>
      </c>
      <c r="R153" s="132">
        <v>0.36</v>
      </c>
      <c r="S153" s="94">
        <v>9.1377531917335442E-3</v>
      </c>
      <c r="T153" s="132">
        <v>0.16499999999999998</v>
      </c>
      <c r="U153" s="94">
        <v>7.0680261106335265E-3</v>
      </c>
      <c r="V153" s="132">
        <v>9.4E-2</v>
      </c>
      <c r="W153" s="94">
        <v>5.5592623804324786E-3</v>
      </c>
    </row>
    <row r="154" spans="1:33">
      <c r="A154" s="49" t="s">
        <v>436</v>
      </c>
      <c r="B154" s="133">
        <v>8843</v>
      </c>
      <c r="C154" s="118">
        <v>3.5580334017750359</v>
      </c>
      <c r="D154" s="119">
        <v>3.5205747215694458E-2</v>
      </c>
      <c r="E154" s="134">
        <v>0.44755025397974407</v>
      </c>
      <c r="F154" s="97">
        <v>1.0573078565918758E-2</v>
      </c>
      <c r="G154" s="134">
        <v>0.19560055590521888</v>
      </c>
      <c r="H154" s="97">
        <v>8.4366199320657278E-3</v>
      </c>
      <c r="I154" s="134">
        <v>0.26601356653352071</v>
      </c>
      <c r="J154" s="97">
        <v>9.3968638004405108E-3</v>
      </c>
      <c r="K154" s="134">
        <v>9.0835623581516298E-2</v>
      </c>
      <c r="L154" s="97">
        <v>6.1161607456334324E-3</v>
      </c>
      <c r="M154" s="133">
        <v>8886</v>
      </c>
      <c r="N154" s="118">
        <v>5.1718082437059056</v>
      </c>
      <c r="O154" s="119">
        <v>3.4378517326994228E-2</v>
      </c>
      <c r="P154" s="134">
        <v>0.43629160755960167</v>
      </c>
      <c r="Q154" s="97">
        <v>1.0519570755543177E-2</v>
      </c>
      <c r="R154" s="134">
        <v>0.34573865969498879</v>
      </c>
      <c r="S154" s="97">
        <v>1.0089026621869638E-2</v>
      </c>
      <c r="T154" s="134">
        <v>0.13416039792602819</v>
      </c>
      <c r="U154" s="97">
        <v>7.233275132119691E-3</v>
      </c>
      <c r="V154" s="134">
        <v>8.3809334819381284E-2</v>
      </c>
      <c r="W154" s="97">
        <v>5.8838081707965027E-3</v>
      </c>
    </row>
    <row r="155" spans="1:33">
      <c r="A155" s="53" t="s">
        <v>437</v>
      </c>
      <c r="B155" s="83">
        <v>1980</v>
      </c>
      <c r="C155" s="84">
        <v>4.33</v>
      </c>
      <c r="D155" s="85">
        <v>7.8399999999999997E-2</v>
      </c>
      <c r="E155" s="132">
        <v>0.24279999999999999</v>
      </c>
      <c r="F155" s="94">
        <v>1.9266521627966812E-2</v>
      </c>
      <c r="G155" s="132">
        <v>0.20399999999999999</v>
      </c>
      <c r="H155" s="94">
        <v>1.8113493799576698E-2</v>
      </c>
      <c r="I155" s="132">
        <v>0.43930000000000002</v>
      </c>
      <c r="J155" s="94">
        <v>2.2285281552332042E-2</v>
      </c>
      <c r="K155" s="132">
        <v>0.1139</v>
      </c>
      <c r="L155" s="94">
        <v>1.430706497763082E-2</v>
      </c>
      <c r="M155" s="83">
        <v>1986</v>
      </c>
      <c r="N155" s="84">
        <v>4.63</v>
      </c>
      <c r="O155" s="85">
        <v>7.8399999999999997E-2</v>
      </c>
      <c r="P155" s="132">
        <v>0.2752</v>
      </c>
      <c r="Q155" s="94">
        <v>2.0033535289778068E-2</v>
      </c>
      <c r="R155" s="132">
        <v>0.39749999999999996</v>
      </c>
      <c r="S155" s="94">
        <v>2.1942636210911051E-2</v>
      </c>
      <c r="T155" s="132">
        <v>0.20550000000000002</v>
      </c>
      <c r="U155" s="94">
        <v>1.8135063563790521E-2</v>
      </c>
      <c r="V155" s="132">
        <v>0.12189999999999999</v>
      </c>
      <c r="W155" s="94">
        <v>1.4707501548837085E-2</v>
      </c>
    </row>
    <row r="156" spans="1:33">
      <c r="A156" s="49" t="s">
        <v>438</v>
      </c>
      <c r="B156" s="133">
        <v>98</v>
      </c>
      <c r="C156" s="118">
        <v>5.19</v>
      </c>
      <c r="D156" s="119">
        <v>0.37240000000000001</v>
      </c>
      <c r="E156" s="134">
        <v>0.14499999999999999</v>
      </c>
      <c r="F156" s="97">
        <v>7.2400168901449985E-2</v>
      </c>
      <c r="G156" s="134">
        <v>0.123</v>
      </c>
      <c r="H156" s="97">
        <v>6.8255516653201925E-2</v>
      </c>
      <c r="I156" s="134">
        <v>0.7</v>
      </c>
      <c r="J156" s="97">
        <v>9.1410674302671455E-2</v>
      </c>
      <c r="K156" s="134">
        <v>3.2000000000000001E-2</v>
      </c>
      <c r="L156" s="97">
        <v>4.3303544432818399E-2</v>
      </c>
      <c r="M156" s="133">
        <v>99</v>
      </c>
      <c r="N156" s="118">
        <v>3.47</v>
      </c>
      <c r="O156" s="119">
        <v>0.37240000000000001</v>
      </c>
      <c r="P156" s="134">
        <v>0.111</v>
      </c>
      <c r="Q156" s="97">
        <v>6.5419890116862278E-2</v>
      </c>
      <c r="R156" s="134">
        <v>0.34499999999999997</v>
      </c>
      <c r="S156" s="97">
        <v>9.4057364448609682E-2</v>
      </c>
      <c r="T156" s="134">
        <v>0.51200000000000001</v>
      </c>
      <c r="U156" s="97">
        <v>9.8506708123443837E-2</v>
      </c>
      <c r="V156" s="134">
        <v>3.2000000000000001E-2</v>
      </c>
      <c r="W156" s="97">
        <v>4.3020541949658812E-2</v>
      </c>
    </row>
    <row r="157" spans="1:33">
      <c r="A157" s="53" t="s">
        <v>439</v>
      </c>
      <c r="B157" s="83">
        <v>677</v>
      </c>
      <c r="C157" s="84">
        <v>3.44</v>
      </c>
      <c r="D157" s="85">
        <v>0.1176</v>
      </c>
      <c r="E157" s="132">
        <v>0.43</v>
      </c>
      <c r="F157" s="94">
        <v>3.7947130185476935E-2</v>
      </c>
      <c r="G157" s="132">
        <v>0.23499999999999999</v>
      </c>
      <c r="H157" s="94">
        <v>3.2569594794508071E-2</v>
      </c>
      <c r="I157" s="132">
        <v>0.20599999999999999</v>
      </c>
      <c r="J157" s="94">
        <v>3.1091397528164231E-2</v>
      </c>
      <c r="K157" s="132">
        <v>0.128</v>
      </c>
      <c r="L157" s="94">
        <v>2.5789943522243782E-2</v>
      </c>
      <c r="M157" s="83">
        <v>684</v>
      </c>
      <c r="N157" s="84">
        <v>5.15</v>
      </c>
      <c r="O157" s="85">
        <v>0.1176</v>
      </c>
      <c r="P157" s="132">
        <v>0.40600000000000003</v>
      </c>
      <c r="Q157" s="94">
        <v>3.7452795523249267E-2</v>
      </c>
      <c r="R157" s="132">
        <v>0.35099999999999998</v>
      </c>
      <c r="S157" s="94">
        <v>3.6413037590005942E-2</v>
      </c>
      <c r="T157" s="132">
        <v>0.121</v>
      </c>
      <c r="U157" s="94">
        <v>2.5060901265489394E-2</v>
      </c>
      <c r="V157" s="132">
        <v>0.123</v>
      </c>
      <c r="W157" s="94">
        <v>2.5233659061694867E-2</v>
      </c>
    </row>
    <row r="158" spans="1:33">
      <c r="A158" s="49" t="s">
        <v>440</v>
      </c>
      <c r="B158" s="133">
        <v>287</v>
      </c>
      <c r="C158" s="118">
        <v>3.74</v>
      </c>
      <c r="D158" s="119">
        <v>0.19600000000000001</v>
      </c>
      <c r="E158" s="134">
        <v>0.33400000000000002</v>
      </c>
      <c r="F158" s="97">
        <v>5.5389448635181311E-2</v>
      </c>
      <c r="G158" s="134">
        <v>0.22500000000000001</v>
      </c>
      <c r="H158" s="97">
        <v>4.9247219661760357E-2</v>
      </c>
      <c r="I158" s="134">
        <v>0.23799999999999999</v>
      </c>
      <c r="J158" s="97">
        <v>5.0185929268859154E-2</v>
      </c>
      <c r="K158" s="134">
        <v>0.20300000000000001</v>
      </c>
      <c r="L158" s="97">
        <v>4.7508266322843093E-2</v>
      </c>
      <c r="M158" s="133">
        <v>292</v>
      </c>
      <c r="N158" s="118">
        <v>4.49</v>
      </c>
      <c r="O158" s="119">
        <v>0.19600000000000001</v>
      </c>
      <c r="P158" s="134">
        <v>0.23699999999999999</v>
      </c>
      <c r="Q158" s="97">
        <v>4.9686558236149071E-2</v>
      </c>
      <c r="R158" s="134">
        <v>0.36499999999999999</v>
      </c>
      <c r="S158" s="97">
        <v>5.6024154950792146E-2</v>
      </c>
      <c r="T158" s="134">
        <v>0.20899999999999999</v>
      </c>
      <c r="U158" s="97">
        <v>4.7589490614034141E-2</v>
      </c>
      <c r="V158" s="134">
        <v>0.19</v>
      </c>
      <c r="W158" s="97">
        <v>4.5984684288040256E-2</v>
      </c>
    </row>
    <row r="159" spans="1:33">
      <c r="A159" s="53" t="s">
        <v>441</v>
      </c>
      <c r="B159" s="83">
        <v>83</v>
      </c>
      <c r="C159" s="84">
        <v>3.14</v>
      </c>
      <c r="D159" s="85">
        <v>0.3528</v>
      </c>
      <c r="E159" s="132">
        <v>0.51</v>
      </c>
      <c r="F159" s="94">
        <v>0.10719173583125144</v>
      </c>
      <c r="G159" s="132">
        <v>0.23599999999999999</v>
      </c>
      <c r="H159" s="94">
        <v>9.2616003238786174E-2</v>
      </c>
      <c r="I159" s="132">
        <v>0.152</v>
      </c>
      <c r="J159" s="94">
        <v>8.0165346369991383E-2</v>
      </c>
      <c r="K159" s="132">
        <v>0.10199999999999999</v>
      </c>
      <c r="L159" s="94">
        <v>6.9753931088535545E-2</v>
      </c>
      <c r="M159" s="83">
        <v>83</v>
      </c>
      <c r="N159" s="84">
        <v>5.74</v>
      </c>
      <c r="O159" s="85">
        <v>0.3332</v>
      </c>
      <c r="P159" s="132">
        <v>0.56999999999999995</v>
      </c>
      <c r="Q159" s="94">
        <v>0.10625067230040662</v>
      </c>
      <c r="R159" s="132">
        <v>0.28200000000000003</v>
      </c>
      <c r="S159" s="94">
        <v>9.7496374866864674E-2</v>
      </c>
      <c r="T159" s="132">
        <v>5.8000000000000003E-2</v>
      </c>
      <c r="U159" s="94">
        <v>5.7610475022737723E-2</v>
      </c>
      <c r="V159" s="132">
        <v>9.0999999999999998E-2</v>
      </c>
      <c r="W159" s="94">
        <v>6.7038348272261447E-2</v>
      </c>
    </row>
    <row r="160" spans="1:33">
      <c r="A160" s="49" t="s">
        <v>442</v>
      </c>
      <c r="B160" s="133">
        <v>155</v>
      </c>
      <c r="C160" s="118">
        <v>3.31</v>
      </c>
      <c r="D160" s="119">
        <v>0.23519999999999999</v>
      </c>
      <c r="E160" s="134">
        <v>0.49299999999999999</v>
      </c>
      <c r="F160" s="97">
        <v>7.929777244285828E-2</v>
      </c>
      <c r="G160" s="134">
        <v>0.27100000000000002</v>
      </c>
      <c r="H160" s="97">
        <v>7.0961828996416593E-2</v>
      </c>
      <c r="I160" s="134">
        <v>0.192</v>
      </c>
      <c r="J160" s="97">
        <v>6.3414180767344189E-2</v>
      </c>
      <c r="K160" s="134">
        <v>4.3999999999999997E-2</v>
      </c>
      <c r="L160" s="97">
        <v>3.6305686378825051E-2</v>
      </c>
      <c r="M160" s="133">
        <v>156</v>
      </c>
      <c r="N160" s="118">
        <v>5.52</v>
      </c>
      <c r="O160" s="119">
        <v>0.21559999999999999</v>
      </c>
      <c r="P160" s="134">
        <v>0.53500000000000003</v>
      </c>
      <c r="Q160" s="97">
        <v>7.8872600498366988E-2</v>
      </c>
      <c r="R160" s="134">
        <v>0.378</v>
      </c>
      <c r="S160" s="97">
        <v>7.6787189279853188E-2</v>
      </c>
      <c r="T160" s="134">
        <v>5.2999999999999999E-2</v>
      </c>
      <c r="U160" s="97">
        <v>3.8748086847933537E-2</v>
      </c>
      <c r="V160" s="134">
        <v>3.5000000000000003E-2</v>
      </c>
      <c r="W160" s="97">
        <v>3.3335832588597514E-2</v>
      </c>
    </row>
    <row r="161" spans="1:23">
      <c r="A161" s="53" t="s">
        <v>443</v>
      </c>
      <c r="B161" s="83">
        <v>146</v>
      </c>
      <c r="C161" s="84">
        <v>3.24</v>
      </c>
      <c r="D161" s="85">
        <v>0.29399999999999998</v>
      </c>
      <c r="E161" s="132">
        <v>0.51400000000000001</v>
      </c>
      <c r="F161" s="94">
        <v>8.1619330056150394E-2</v>
      </c>
      <c r="G161" s="132">
        <v>0.219</v>
      </c>
      <c r="H161" s="94">
        <v>6.8350879689806271E-2</v>
      </c>
      <c r="I161" s="132">
        <v>0.185</v>
      </c>
      <c r="J161" s="94">
        <v>6.4497326042764494E-2</v>
      </c>
      <c r="K161" s="132">
        <v>8.2000000000000003E-2</v>
      </c>
      <c r="L161" s="94">
        <v>4.7460963652404015E-2</v>
      </c>
      <c r="M161" s="83">
        <v>147</v>
      </c>
      <c r="N161" s="84">
        <v>5.61</v>
      </c>
      <c r="O161" s="85">
        <v>0.21559999999999999</v>
      </c>
      <c r="P161" s="132">
        <v>0.52800000000000002</v>
      </c>
      <c r="Q161" s="94">
        <v>8.1257824690577046E-2</v>
      </c>
      <c r="R161" s="132">
        <v>0.32600000000000001</v>
      </c>
      <c r="S161" s="94">
        <v>7.6566515446235328E-2</v>
      </c>
      <c r="T161" s="132">
        <v>4.9000000000000002E-2</v>
      </c>
      <c r="U161" s="94">
        <v>3.8937028678363642E-2</v>
      </c>
      <c r="V161" s="132">
        <v>9.7000000000000003E-2</v>
      </c>
      <c r="W161" s="94">
        <v>5.0450023556613932E-2</v>
      </c>
    </row>
    <row r="162" spans="1:23">
      <c r="A162" s="49" t="s">
        <v>444</v>
      </c>
      <c r="B162" s="133">
        <v>764</v>
      </c>
      <c r="C162" s="118">
        <v>3.66</v>
      </c>
      <c r="D162" s="119">
        <v>0.1176</v>
      </c>
      <c r="E162" s="134">
        <v>0.41099999999999998</v>
      </c>
      <c r="F162" s="97">
        <v>3.5514176713452368E-2</v>
      </c>
      <c r="G162" s="134">
        <v>0.223</v>
      </c>
      <c r="H162" s="97">
        <v>3.0109883742833275E-2</v>
      </c>
      <c r="I162" s="134">
        <v>0.29099999999999998</v>
      </c>
      <c r="J162" s="97">
        <v>3.2816791425219934E-2</v>
      </c>
      <c r="K162" s="134">
        <v>7.4999999999999997E-2</v>
      </c>
      <c r="L162" s="97">
        <v>1.9264011492984977E-2</v>
      </c>
      <c r="M162" s="133">
        <v>766</v>
      </c>
      <c r="N162" s="118">
        <v>5.14</v>
      </c>
      <c r="O162" s="119">
        <v>0.1176</v>
      </c>
      <c r="P162" s="134">
        <v>0.40200000000000002</v>
      </c>
      <c r="Q162" s="97">
        <v>3.5345825642665418E-2</v>
      </c>
      <c r="R162" s="134">
        <v>0.39600000000000002</v>
      </c>
      <c r="S162" s="97">
        <v>3.5257574088773995E-2</v>
      </c>
      <c r="T162" s="134">
        <v>0.11499999999999999</v>
      </c>
      <c r="U162" s="97">
        <v>2.3166366125927464E-2</v>
      </c>
      <c r="V162" s="134">
        <v>8.6999999999999994E-2</v>
      </c>
      <c r="W162" s="97">
        <v>2.0538028393258193E-2</v>
      </c>
    </row>
    <row r="163" spans="1:23">
      <c r="A163" s="45" t="s">
        <v>445</v>
      </c>
      <c r="B163" s="131">
        <v>554</v>
      </c>
      <c r="C163" s="115">
        <v>3.54</v>
      </c>
      <c r="D163" s="116">
        <v>0.13720000000000002</v>
      </c>
      <c r="E163" s="132">
        <v>0.46800000000000003</v>
      </c>
      <c r="F163" s="94">
        <v>4.2247829015377138E-2</v>
      </c>
      <c r="G163" s="132">
        <v>0.22700000000000001</v>
      </c>
      <c r="H163" s="94">
        <v>3.5573709264561618E-2</v>
      </c>
      <c r="I163" s="132">
        <v>0.254</v>
      </c>
      <c r="J163" s="94">
        <v>3.6939212215972052E-2</v>
      </c>
      <c r="K163" s="132">
        <v>5.0999999999999997E-2</v>
      </c>
      <c r="L163" s="94">
        <v>1.9172668959550221E-2</v>
      </c>
      <c r="M163" s="131">
        <v>555</v>
      </c>
      <c r="N163" s="115">
        <v>5.41</v>
      </c>
      <c r="O163" s="116">
        <v>0.1176</v>
      </c>
      <c r="P163" s="132">
        <v>0.47199999999999998</v>
      </c>
      <c r="Q163" s="94">
        <v>4.2230069227919831E-2</v>
      </c>
      <c r="R163" s="132">
        <v>0.39</v>
      </c>
      <c r="S163" s="94">
        <v>4.1274208210515452E-2</v>
      </c>
      <c r="T163" s="132">
        <v>6.7000000000000004E-2</v>
      </c>
      <c r="U163" s="94">
        <v>2.1597158380635629E-2</v>
      </c>
      <c r="V163" s="132">
        <v>7.1999999999999995E-2</v>
      </c>
      <c r="W163" s="94">
        <v>2.2289077539704213E-2</v>
      </c>
    </row>
    <row r="164" spans="1:23" ht="25.5">
      <c r="A164" s="49" t="s">
        <v>450</v>
      </c>
      <c r="B164" s="133">
        <v>140</v>
      </c>
      <c r="C164" s="118">
        <v>3.57</v>
      </c>
      <c r="D164" s="119">
        <v>0.25480000000000003</v>
      </c>
      <c r="E164" s="134">
        <v>0.44400000000000001</v>
      </c>
      <c r="F164" s="97">
        <v>8.2837827253873952E-2</v>
      </c>
      <c r="G164" s="134">
        <v>0.28100000000000003</v>
      </c>
      <c r="H164" s="97">
        <v>7.540013503074329E-2</v>
      </c>
      <c r="I164" s="134">
        <v>0.23799999999999999</v>
      </c>
      <c r="J164" s="97">
        <v>7.1708629092199078E-2</v>
      </c>
      <c r="K164" s="134">
        <v>3.5999999999999997E-2</v>
      </c>
      <c r="L164" s="97">
        <v>3.5939287320616901E-2</v>
      </c>
      <c r="M164" s="133">
        <v>140</v>
      </c>
      <c r="N164" s="118">
        <v>5.03</v>
      </c>
      <c r="O164" s="119">
        <v>0.27440000000000003</v>
      </c>
      <c r="P164" s="134">
        <v>0.48399999999999999</v>
      </c>
      <c r="Q164" s="97">
        <v>8.3292994351825758E-2</v>
      </c>
      <c r="R164" s="134">
        <v>0.32800000000000001</v>
      </c>
      <c r="S164" s="97">
        <v>7.8534622300376694E-2</v>
      </c>
      <c r="T164" s="134">
        <v>0.158</v>
      </c>
      <c r="U164" s="97">
        <v>6.2236946422523011E-2</v>
      </c>
      <c r="V164" s="134">
        <v>3.1E-2</v>
      </c>
      <c r="W164" s="97">
        <v>3.4192808113910116E-2</v>
      </c>
    </row>
    <row r="165" spans="1:23">
      <c r="A165" s="53" t="s">
        <v>447</v>
      </c>
      <c r="B165" s="83">
        <v>184</v>
      </c>
      <c r="C165" s="84">
        <v>3.63</v>
      </c>
      <c r="D165" s="85">
        <v>0.21559999999999999</v>
      </c>
      <c r="E165" s="132">
        <v>0.45200000000000001</v>
      </c>
      <c r="F165" s="94">
        <v>7.2609858006540171E-2</v>
      </c>
      <c r="G165" s="132">
        <v>0.16900000000000001</v>
      </c>
      <c r="H165" s="94">
        <v>5.5553610805777594E-2</v>
      </c>
      <c r="I165" s="132">
        <v>0.27100000000000002</v>
      </c>
      <c r="J165" s="94">
        <v>6.5194764215709411E-2</v>
      </c>
      <c r="K165" s="132">
        <v>0.108</v>
      </c>
      <c r="L165" s="94">
        <v>4.6769086653055549E-2</v>
      </c>
      <c r="M165" s="83">
        <v>184</v>
      </c>
      <c r="N165" s="84">
        <v>5.38</v>
      </c>
      <c r="O165" s="85">
        <v>0.19600000000000001</v>
      </c>
      <c r="P165" s="132">
        <v>0.41899999999999998</v>
      </c>
      <c r="Q165" s="94">
        <v>7.2009931550126638E-2</v>
      </c>
      <c r="R165" s="132">
        <v>0.4</v>
      </c>
      <c r="S165" s="94">
        <v>7.1521608842932669E-2</v>
      </c>
      <c r="T165" s="132">
        <v>5.8999999999999997E-2</v>
      </c>
      <c r="U165" s="94">
        <v>3.681660903645189E-2</v>
      </c>
      <c r="V165" s="132">
        <v>0.123</v>
      </c>
      <c r="W165" s="94">
        <v>4.9218293968498035E-2</v>
      </c>
    </row>
    <row r="166" spans="1:23">
      <c r="A166" s="49" t="s">
        <v>446</v>
      </c>
      <c r="B166" s="133">
        <v>118</v>
      </c>
      <c r="C166" s="118">
        <v>3.72</v>
      </c>
      <c r="D166" s="119">
        <v>0.25480000000000003</v>
      </c>
      <c r="E166" s="134">
        <v>0.42899999999999999</v>
      </c>
      <c r="F166" s="97">
        <v>8.9677772599906211E-2</v>
      </c>
      <c r="G166" s="134">
        <v>0.14299999999999999</v>
      </c>
      <c r="H166" s="97">
        <v>6.5479644282673291E-2</v>
      </c>
      <c r="I166" s="134">
        <v>0.3</v>
      </c>
      <c r="J166" s="97">
        <v>8.3485534552627347E-2</v>
      </c>
      <c r="K166" s="134">
        <v>0.128</v>
      </c>
      <c r="L166" s="97">
        <v>6.2866395058922539E-2</v>
      </c>
      <c r="M166" s="133">
        <v>118</v>
      </c>
      <c r="N166" s="118">
        <v>5.31</v>
      </c>
      <c r="O166" s="119">
        <v>0.25480000000000003</v>
      </c>
      <c r="P166" s="134">
        <v>0.39</v>
      </c>
      <c r="Q166" s="97">
        <v>8.846235382813597E-2</v>
      </c>
      <c r="R166" s="134">
        <v>0.39800000000000002</v>
      </c>
      <c r="S166" s="97">
        <v>8.8755890207289745E-2</v>
      </c>
      <c r="T166" s="134">
        <v>7.3999999999999996E-2</v>
      </c>
      <c r="U166" s="97">
        <v>5.1287995122233816E-2</v>
      </c>
      <c r="V166" s="134">
        <v>0.13800000000000001</v>
      </c>
      <c r="W166" s="97">
        <v>6.4632169709557541E-2</v>
      </c>
    </row>
    <row r="167" spans="1:23">
      <c r="A167" s="57" t="s">
        <v>451</v>
      </c>
      <c r="B167" s="131">
        <v>175</v>
      </c>
      <c r="C167" s="115">
        <v>4.08</v>
      </c>
      <c r="D167" s="116">
        <v>0.25480000000000003</v>
      </c>
      <c r="E167" s="132">
        <v>0.28399999999999997</v>
      </c>
      <c r="F167" s="94">
        <v>6.7750097191510511E-2</v>
      </c>
      <c r="G167" s="132">
        <v>0.23599999999999999</v>
      </c>
      <c r="H167" s="94">
        <v>6.4015379021610419E-2</v>
      </c>
      <c r="I167" s="132">
        <v>0.38700000000000001</v>
      </c>
      <c r="J167" s="94">
        <v>7.2896238376702616E-2</v>
      </c>
      <c r="K167" s="132">
        <v>9.2999999999999999E-2</v>
      </c>
      <c r="L167" s="94">
        <v>4.5260657560493522E-2</v>
      </c>
      <c r="M167" s="131">
        <v>176</v>
      </c>
      <c r="N167" s="115">
        <v>4.7699999999999996</v>
      </c>
      <c r="O167" s="116">
        <v>0.23519999999999999</v>
      </c>
      <c r="P167" s="132">
        <v>0.27700000000000002</v>
      </c>
      <c r="Q167" s="94">
        <v>6.7074853749277519E-2</v>
      </c>
      <c r="R167" s="132">
        <v>0.442</v>
      </c>
      <c r="S167" s="94">
        <v>7.4054611961795275E-2</v>
      </c>
      <c r="T167" s="132">
        <v>0.16899999999999998</v>
      </c>
      <c r="U167" s="94">
        <v>5.6814370948094717E-2</v>
      </c>
      <c r="V167" s="132">
        <v>0.112</v>
      </c>
      <c r="W167" s="94">
        <v>4.8550661221814943E-2</v>
      </c>
    </row>
    <row r="168" spans="1:23">
      <c r="A168" s="49" t="s">
        <v>448</v>
      </c>
      <c r="B168" s="133">
        <v>116</v>
      </c>
      <c r="C168" s="118">
        <v>3.52</v>
      </c>
      <c r="D168" s="119">
        <v>0.29399999999999998</v>
      </c>
      <c r="E168" s="134">
        <v>0.42899999999999999</v>
      </c>
      <c r="F168" s="97">
        <v>9.0422981141513564E-2</v>
      </c>
      <c r="G168" s="134">
        <v>0.20899999999999999</v>
      </c>
      <c r="H168" s="97">
        <v>7.5469709155395581E-2</v>
      </c>
      <c r="I168" s="134">
        <v>0.26900000000000002</v>
      </c>
      <c r="J168" s="97">
        <v>8.1677640759267769E-2</v>
      </c>
      <c r="K168" s="134">
        <v>9.4E-2</v>
      </c>
      <c r="L168" s="97">
        <v>5.6559678085940208E-2</v>
      </c>
      <c r="M168" s="133">
        <v>115</v>
      </c>
      <c r="N168" s="118">
        <v>5.49</v>
      </c>
      <c r="O168" s="119">
        <v>0.29399999999999998</v>
      </c>
      <c r="P168" s="134">
        <v>0.46300000000000002</v>
      </c>
      <c r="Q168" s="97">
        <v>9.1435147027462318E-2</v>
      </c>
      <c r="R168" s="134">
        <v>0.33900000000000002</v>
      </c>
      <c r="S168" s="97">
        <v>8.7118638520984656E-2</v>
      </c>
      <c r="T168" s="134">
        <v>7.1000000000000008E-2</v>
      </c>
      <c r="U168" s="97">
        <v>5.1244532548563593E-2</v>
      </c>
      <c r="V168" s="134">
        <v>0.127</v>
      </c>
      <c r="W168" s="97">
        <v>6.3528466001212244E-2</v>
      </c>
    </row>
    <row r="169" spans="1:23">
      <c r="A169" s="57" t="s">
        <v>449</v>
      </c>
      <c r="B169" s="131">
        <v>140</v>
      </c>
      <c r="C169" s="115">
        <v>3.42</v>
      </c>
      <c r="D169" s="116">
        <v>0.25480000000000003</v>
      </c>
      <c r="E169" s="132">
        <v>0.51300000000000001</v>
      </c>
      <c r="F169" s="94">
        <v>8.3306705493691319E-2</v>
      </c>
      <c r="G169" s="132">
        <v>0.22800000000000001</v>
      </c>
      <c r="H169" s="94">
        <v>7.0724256369066735E-2</v>
      </c>
      <c r="I169" s="132">
        <v>0.22900000000000001</v>
      </c>
      <c r="J169" s="94">
        <v>7.0824977569374017E-2</v>
      </c>
      <c r="K169" s="132">
        <v>2.9000000000000001E-2</v>
      </c>
      <c r="L169" s="94">
        <v>3.3463216284986753E-2</v>
      </c>
      <c r="M169" s="131">
        <v>142</v>
      </c>
      <c r="N169" s="115">
        <v>5.54</v>
      </c>
      <c r="O169" s="116">
        <v>0.25480000000000003</v>
      </c>
      <c r="P169" s="132">
        <v>0.52100000000000002</v>
      </c>
      <c r="Q169" s="94">
        <v>8.2691510118063014E-2</v>
      </c>
      <c r="R169" s="132">
        <v>0.39900000000000002</v>
      </c>
      <c r="S169" s="94">
        <v>8.1147641857181416E-2</v>
      </c>
      <c r="T169" s="132">
        <v>5.1000000000000004E-2</v>
      </c>
      <c r="U169" s="94">
        <v>4.0305105708891543E-2</v>
      </c>
      <c r="V169" s="132">
        <v>0.03</v>
      </c>
      <c r="W169" s="94">
        <v>3.3531134527518679E-2</v>
      </c>
    </row>
  </sheetData>
  <mergeCells count="21">
    <mergeCell ref="A3:D3"/>
    <mergeCell ref="A4:D4"/>
    <mergeCell ref="A5:D5"/>
    <mergeCell ref="A32:Q32"/>
    <mergeCell ref="A33:Q33"/>
    <mergeCell ref="B34:H34"/>
    <mergeCell ref="I34:Q34"/>
    <mergeCell ref="A90:D90"/>
    <mergeCell ref="A91:D91"/>
    <mergeCell ref="A92:D92"/>
    <mergeCell ref="B63:H63"/>
    <mergeCell ref="A62:H62"/>
    <mergeCell ref="A61:H61"/>
    <mergeCell ref="B150:L150"/>
    <mergeCell ref="M150:W150"/>
    <mergeCell ref="A149:W149"/>
    <mergeCell ref="A148:W148"/>
    <mergeCell ref="A119:S119"/>
    <mergeCell ref="A120:S120"/>
    <mergeCell ref="K121:S121"/>
    <mergeCell ref="B121:J121"/>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Z198"/>
  <sheetViews>
    <sheetView zoomScaleNormal="100" workbookViewId="0">
      <selection activeCell="A178" sqref="A178:J178"/>
    </sheetView>
  </sheetViews>
  <sheetFormatPr defaultColWidth="16.5703125" defaultRowHeight="15"/>
  <cols>
    <col min="1" max="1" width="42.28515625" customWidth="1"/>
  </cols>
  <sheetData>
    <row r="1" spans="1:15" ht="31.5">
      <c r="A1" s="33" t="s">
        <v>41</v>
      </c>
    </row>
    <row r="3" spans="1:15" ht="18.75">
      <c r="A3" s="317" t="s">
        <v>3</v>
      </c>
      <c r="B3" s="317"/>
      <c r="C3" s="317"/>
      <c r="D3" s="317"/>
      <c r="E3" s="317"/>
      <c r="F3" s="317"/>
      <c r="G3" s="317"/>
      <c r="H3" s="317"/>
      <c r="I3" s="317"/>
      <c r="J3" s="317"/>
      <c r="K3" s="317"/>
      <c r="L3" s="317"/>
      <c r="M3" s="317"/>
      <c r="N3" s="317"/>
      <c r="O3" s="317"/>
    </row>
    <row r="4" spans="1:15" ht="51.75" customHeight="1">
      <c r="A4" s="361" t="s">
        <v>478</v>
      </c>
      <c r="B4" s="361"/>
      <c r="C4" s="361"/>
      <c r="D4" s="361"/>
      <c r="E4" s="361"/>
      <c r="F4" s="361"/>
      <c r="G4" s="361"/>
      <c r="H4" s="361"/>
      <c r="I4" s="361"/>
      <c r="J4" s="361"/>
      <c r="K4" s="361"/>
      <c r="L4" s="361"/>
      <c r="M4" s="361"/>
      <c r="N4" s="361"/>
      <c r="O4" s="361"/>
    </row>
    <row r="5" spans="1:15" ht="34.5" customHeight="1">
      <c r="A5" s="365" t="s">
        <v>135</v>
      </c>
      <c r="B5" s="365"/>
      <c r="C5" s="365"/>
      <c r="D5" s="365"/>
      <c r="E5" s="362" t="s">
        <v>31</v>
      </c>
      <c r="F5" s="362"/>
      <c r="G5" s="362"/>
      <c r="H5" s="362"/>
      <c r="I5" s="362"/>
      <c r="J5" s="362"/>
      <c r="K5" s="362"/>
      <c r="L5" s="362"/>
      <c r="M5" s="362"/>
      <c r="N5" s="362"/>
      <c r="O5" s="362"/>
    </row>
    <row r="6" spans="1:15" ht="39" customHeight="1">
      <c r="A6" s="37" t="s">
        <v>85</v>
      </c>
      <c r="B6" s="38" t="s">
        <v>86</v>
      </c>
      <c r="C6" s="39" t="s">
        <v>87</v>
      </c>
      <c r="D6" s="40" t="s">
        <v>88</v>
      </c>
      <c r="E6" s="65" t="s">
        <v>86</v>
      </c>
      <c r="F6" s="65" t="s">
        <v>363</v>
      </c>
      <c r="G6" s="88" t="s">
        <v>162</v>
      </c>
      <c r="H6" s="65" t="s">
        <v>364</v>
      </c>
      <c r="I6" s="88" t="s">
        <v>223</v>
      </c>
      <c r="J6" s="65" t="s">
        <v>365</v>
      </c>
      <c r="K6" s="88" t="s">
        <v>225</v>
      </c>
      <c r="L6" s="65" t="s">
        <v>366</v>
      </c>
      <c r="M6" s="88" t="s">
        <v>226</v>
      </c>
      <c r="N6" s="65" t="s">
        <v>367</v>
      </c>
      <c r="O6" s="88" t="s">
        <v>229</v>
      </c>
    </row>
    <row r="7" spans="1:15" ht="84">
      <c r="A7" s="41"/>
      <c r="B7" s="42" t="s">
        <v>89</v>
      </c>
      <c r="C7" s="43" t="s">
        <v>137</v>
      </c>
      <c r="D7" s="44" t="s">
        <v>91</v>
      </c>
      <c r="E7" s="68" t="s">
        <v>89</v>
      </c>
      <c r="F7" s="68" t="s">
        <v>224</v>
      </c>
      <c r="G7" s="90" t="s">
        <v>104</v>
      </c>
      <c r="H7" s="68" t="s">
        <v>222</v>
      </c>
      <c r="I7" s="90" t="s">
        <v>104</v>
      </c>
      <c r="J7" s="68" t="s">
        <v>202</v>
      </c>
      <c r="K7" s="90" t="s">
        <v>104</v>
      </c>
      <c r="L7" s="68" t="s">
        <v>227</v>
      </c>
      <c r="M7" s="90" t="s">
        <v>104</v>
      </c>
      <c r="N7" s="68" t="s">
        <v>228</v>
      </c>
      <c r="O7" s="90" t="s">
        <v>104</v>
      </c>
    </row>
    <row r="8" spans="1:15">
      <c r="A8" s="45" t="s">
        <v>435</v>
      </c>
      <c r="B8" s="135">
        <v>8917</v>
      </c>
      <c r="C8" s="136">
        <v>3.25</v>
      </c>
      <c r="D8" s="128">
        <v>1.9599999999999999E-2</v>
      </c>
      <c r="E8" s="120">
        <v>8917</v>
      </c>
      <c r="F8" s="137">
        <v>0.05</v>
      </c>
      <c r="G8" s="94">
        <v>4.6237934270870803E-3</v>
      </c>
      <c r="H8" s="138">
        <v>0.182</v>
      </c>
      <c r="I8" s="94">
        <v>8.1727416690349861E-3</v>
      </c>
      <c r="J8" s="138">
        <v>0.33</v>
      </c>
      <c r="K8" s="94">
        <v>9.9573332700060076E-3</v>
      </c>
      <c r="L8" s="138">
        <v>0.33800000000000002</v>
      </c>
      <c r="M8" s="94">
        <v>1.0016901517968137E-2</v>
      </c>
      <c r="N8" s="138">
        <v>9.9000000000000005E-2</v>
      </c>
      <c r="O8" s="94">
        <v>6.3292740295217663E-3</v>
      </c>
    </row>
    <row r="9" spans="1:15">
      <c r="A9" s="49" t="s">
        <v>436</v>
      </c>
      <c r="B9" s="139">
        <v>8330</v>
      </c>
      <c r="C9" s="140">
        <v>3.26</v>
      </c>
      <c r="D9" s="130">
        <v>1.9599999999999999E-2</v>
      </c>
      <c r="E9" s="123">
        <v>8330</v>
      </c>
      <c r="F9" s="141">
        <v>0.05</v>
      </c>
      <c r="G9" s="97">
        <v>4.7845011054731337E-3</v>
      </c>
      <c r="H9" s="142">
        <v>0.182</v>
      </c>
      <c r="I9" s="97">
        <v>8.4558466709438972E-3</v>
      </c>
      <c r="J9" s="142">
        <v>0.33</v>
      </c>
      <c r="K9" s="97">
        <v>1.0302078539466658E-2</v>
      </c>
      <c r="L9" s="142">
        <v>0.33600000000000002</v>
      </c>
      <c r="M9" s="97">
        <v>1.0348610641627292E-2</v>
      </c>
      <c r="N9" s="142">
        <v>0.10100000000000001</v>
      </c>
      <c r="O9" s="97">
        <v>6.6070692504178515E-3</v>
      </c>
    </row>
    <row r="10" spans="1:15">
      <c r="A10" s="53" t="s">
        <v>437</v>
      </c>
      <c r="B10" s="54">
        <v>772</v>
      </c>
      <c r="C10" s="55">
        <v>3.22</v>
      </c>
      <c r="D10" s="56">
        <v>7.8399999999999997E-2</v>
      </c>
      <c r="E10" s="83">
        <v>772</v>
      </c>
      <c r="F10" s="98">
        <v>6.4399999999999999E-2</v>
      </c>
      <c r="G10" s="94">
        <v>1.7906365381094184E-2</v>
      </c>
      <c r="H10" s="98">
        <v>0.17</v>
      </c>
      <c r="I10" s="94">
        <v>2.7075665921326226E-2</v>
      </c>
      <c r="J10" s="98">
        <v>0.33339999999999997</v>
      </c>
      <c r="K10" s="94">
        <v>3.3868289636283841E-2</v>
      </c>
      <c r="L10" s="98">
        <v>0.34289999999999998</v>
      </c>
      <c r="M10" s="94">
        <v>3.4099110507072941E-2</v>
      </c>
      <c r="N10" s="98">
        <v>8.9300000000000004E-2</v>
      </c>
      <c r="O10" s="94">
        <v>2.0691641389177114E-2</v>
      </c>
    </row>
    <row r="11" spans="1:15">
      <c r="A11" s="49" t="s">
        <v>438</v>
      </c>
      <c r="B11" s="139">
        <v>88</v>
      </c>
      <c r="C11" s="140">
        <v>3.2</v>
      </c>
      <c r="D11" s="130">
        <v>0.19600000000000001</v>
      </c>
      <c r="E11" s="123">
        <v>88</v>
      </c>
      <c r="F11" s="141">
        <v>3.1E-2</v>
      </c>
      <c r="G11" s="97">
        <v>4.6038848522437711E-2</v>
      </c>
      <c r="H11" s="142">
        <v>0.188</v>
      </c>
      <c r="I11" s="97">
        <v>8.3649548591339135E-2</v>
      </c>
      <c r="J11" s="142">
        <v>0.36299999999999999</v>
      </c>
      <c r="K11" s="97">
        <v>0.10061281939353994</v>
      </c>
      <c r="L11" s="142">
        <v>0.38600000000000001</v>
      </c>
      <c r="M11" s="97">
        <v>0.10174766739101096</v>
      </c>
      <c r="N11" s="142">
        <v>3.3000000000000002E-2</v>
      </c>
      <c r="O11" s="97">
        <v>4.6840615193358449E-2</v>
      </c>
    </row>
    <row r="12" spans="1:15">
      <c r="A12" s="53" t="s">
        <v>439</v>
      </c>
      <c r="B12" s="54">
        <v>605</v>
      </c>
      <c r="C12" s="55">
        <v>3.29</v>
      </c>
      <c r="D12" s="56">
        <v>7.8399999999999997E-2</v>
      </c>
      <c r="E12" s="83">
        <v>605</v>
      </c>
      <c r="F12" s="98">
        <v>5.2999999999999999E-2</v>
      </c>
      <c r="G12" s="94">
        <v>1.862377118704631E-2</v>
      </c>
      <c r="H12" s="98">
        <v>0.191</v>
      </c>
      <c r="I12" s="94">
        <v>3.1986157403108888E-2</v>
      </c>
      <c r="J12" s="98">
        <v>0.27100000000000002</v>
      </c>
      <c r="K12" s="94">
        <v>3.6084704017553176E-2</v>
      </c>
      <c r="L12" s="98">
        <v>0.38300000000000001</v>
      </c>
      <c r="M12" s="94">
        <v>3.9411952719188015E-2</v>
      </c>
      <c r="N12" s="98">
        <v>0.10100000000000001</v>
      </c>
      <c r="O12" s="94">
        <v>2.4699633009586771E-2</v>
      </c>
    </row>
    <row r="13" spans="1:15">
      <c r="A13" s="49" t="s">
        <v>440</v>
      </c>
      <c r="B13" s="139">
        <v>278</v>
      </c>
      <c r="C13" s="140">
        <v>3.43</v>
      </c>
      <c r="D13" s="130">
        <v>0.1176</v>
      </c>
      <c r="E13" s="123">
        <v>278</v>
      </c>
      <c r="F13" s="141">
        <v>6.3E-2</v>
      </c>
      <c r="G13" s="97">
        <v>3.022613069653626E-2</v>
      </c>
      <c r="H13" s="142">
        <v>0.13300000000000001</v>
      </c>
      <c r="I13" s="97">
        <v>4.1102685025532486E-2</v>
      </c>
      <c r="J13" s="142">
        <v>0.251</v>
      </c>
      <c r="K13" s="97">
        <v>5.1878939712887463E-2</v>
      </c>
      <c r="L13" s="142">
        <v>0.41899999999999998</v>
      </c>
      <c r="M13" s="97">
        <v>5.8784835165751351E-2</v>
      </c>
      <c r="N13" s="142">
        <v>0.13400000000000001</v>
      </c>
      <c r="O13" s="97">
        <v>4.122541711524412E-2</v>
      </c>
    </row>
    <row r="14" spans="1:15">
      <c r="A14" s="53" t="s">
        <v>441</v>
      </c>
      <c r="B14" s="54">
        <v>75</v>
      </c>
      <c r="C14" s="55">
        <v>3.21</v>
      </c>
      <c r="D14" s="56">
        <v>0.23519999999999999</v>
      </c>
      <c r="E14" s="83">
        <v>75</v>
      </c>
      <c r="F14" s="98">
        <v>2.5000000000000001E-2</v>
      </c>
      <c r="G14" s="94">
        <v>4.8597894585006497E-2</v>
      </c>
      <c r="H14" s="98">
        <v>0.30199999999999999</v>
      </c>
      <c r="I14" s="94">
        <v>0.10425516855023989</v>
      </c>
      <c r="J14" s="98">
        <v>0.217</v>
      </c>
      <c r="K14" s="94">
        <v>9.4885928843076506E-2</v>
      </c>
      <c r="L14" s="98">
        <v>0.35199999999999998</v>
      </c>
      <c r="M14" s="94">
        <v>0.10797514282133448</v>
      </c>
      <c r="N14" s="98">
        <v>0.104</v>
      </c>
      <c r="O14" s="94">
        <v>7.4174639422459734E-2</v>
      </c>
    </row>
    <row r="15" spans="1:15">
      <c r="A15" s="49" t="s">
        <v>442</v>
      </c>
      <c r="B15" s="139">
        <v>129</v>
      </c>
      <c r="C15" s="140">
        <v>3.18</v>
      </c>
      <c r="D15" s="130">
        <v>0.1764</v>
      </c>
      <c r="E15" s="123">
        <v>129</v>
      </c>
      <c r="F15" s="141">
        <v>4.2000000000000003E-2</v>
      </c>
      <c r="G15" s="97">
        <v>3.9797853257192026E-2</v>
      </c>
      <c r="H15" s="142">
        <v>0.19500000000000001</v>
      </c>
      <c r="I15" s="97">
        <v>6.9905703626575236E-2</v>
      </c>
      <c r="J15" s="142">
        <v>0.34699999999999998</v>
      </c>
      <c r="K15" s="97">
        <v>8.2803851262278308E-2</v>
      </c>
      <c r="L15" s="142">
        <v>0.371</v>
      </c>
      <c r="M15" s="97">
        <v>8.3952172266496081E-2</v>
      </c>
      <c r="N15" s="142">
        <v>4.4999999999999998E-2</v>
      </c>
      <c r="O15" s="97">
        <v>4.0759840902689949E-2</v>
      </c>
    </row>
    <row r="16" spans="1:15">
      <c r="A16" s="53" t="s">
        <v>443</v>
      </c>
      <c r="B16" s="54">
        <v>117</v>
      </c>
      <c r="C16" s="55">
        <v>3.11</v>
      </c>
      <c r="D16" s="56">
        <v>0.19600000000000001</v>
      </c>
      <c r="E16" s="83">
        <v>117</v>
      </c>
      <c r="F16" s="98">
        <v>5.7000000000000002E-2</v>
      </c>
      <c r="G16" s="94">
        <v>4.6890650132777371E-2</v>
      </c>
      <c r="H16" s="98">
        <v>0.26700000000000002</v>
      </c>
      <c r="I16" s="94">
        <v>8.115713300434825E-2</v>
      </c>
      <c r="J16" s="98">
        <v>0.26900000000000002</v>
      </c>
      <c r="K16" s="94">
        <v>8.1333653378626039E-2</v>
      </c>
      <c r="L16" s="98">
        <v>0.32800000000000001</v>
      </c>
      <c r="M16" s="94">
        <v>8.5732552986916524E-2</v>
      </c>
      <c r="N16" s="98">
        <v>7.9000000000000001E-2</v>
      </c>
      <c r="O16" s="94">
        <v>5.2784833923363958E-2</v>
      </c>
    </row>
    <row r="17" spans="1:19">
      <c r="A17" s="49" t="s">
        <v>444</v>
      </c>
      <c r="B17" s="139">
        <v>577</v>
      </c>
      <c r="C17" s="140">
        <v>3.3</v>
      </c>
      <c r="D17" s="130">
        <v>7.8399999999999997E-2</v>
      </c>
      <c r="E17" s="123">
        <v>577</v>
      </c>
      <c r="F17" s="141">
        <v>6.0999999999999999E-2</v>
      </c>
      <c r="G17" s="97">
        <v>2.0311432505950144E-2</v>
      </c>
      <c r="H17" s="142">
        <v>0.16700000000000001</v>
      </c>
      <c r="I17" s="97">
        <v>3.1116085451954351E-2</v>
      </c>
      <c r="J17" s="142">
        <v>0.315</v>
      </c>
      <c r="K17" s="97">
        <v>3.8584653047585717E-2</v>
      </c>
      <c r="L17" s="142">
        <v>0.32500000000000001</v>
      </c>
      <c r="M17" s="97">
        <v>3.890013120318192E-2</v>
      </c>
      <c r="N17" s="142">
        <v>0.13200000000000001</v>
      </c>
      <c r="O17" s="97">
        <v>2.8312770367800329E-2</v>
      </c>
    </row>
    <row r="18" spans="1:19">
      <c r="A18" s="45" t="s">
        <v>445</v>
      </c>
      <c r="B18" s="135">
        <v>523</v>
      </c>
      <c r="C18" s="136">
        <v>3.41</v>
      </c>
      <c r="D18" s="128">
        <v>7.8399999999999997E-2</v>
      </c>
      <c r="E18" s="120">
        <v>523</v>
      </c>
      <c r="F18" s="137">
        <v>4.2000000000000003E-2</v>
      </c>
      <c r="G18" s="94">
        <v>1.8151416422708656E-2</v>
      </c>
      <c r="H18" s="138">
        <v>0.151</v>
      </c>
      <c r="I18" s="94">
        <v>3.1417003647026598E-2</v>
      </c>
      <c r="J18" s="138">
        <v>0.33500000000000002</v>
      </c>
      <c r="K18" s="94">
        <v>4.1158435427122116E-2</v>
      </c>
      <c r="L18" s="138">
        <v>0.30399999999999999</v>
      </c>
      <c r="M18" s="94">
        <v>4.012929312224147E-2</v>
      </c>
      <c r="N18" s="138">
        <v>0.16800000000000001</v>
      </c>
      <c r="O18" s="94">
        <v>3.2765381785082849E-2</v>
      </c>
    </row>
    <row r="19" spans="1:19" ht="25.5">
      <c r="A19" s="49" t="s">
        <v>450</v>
      </c>
      <c r="B19" s="139">
        <v>123</v>
      </c>
      <c r="C19" s="140">
        <v>3.38</v>
      </c>
      <c r="D19" s="130">
        <v>0.1764</v>
      </c>
      <c r="E19" s="123">
        <v>123</v>
      </c>
      <c r="F19" s="141">
        <v>3.5999999999999997E-2</v>
      </c>
      <c r="G19" s="97">
        <v>3.8903222827351508E-2</v>
      </c>
      <c r="H19" s="142">
        <v>0.15</v>
      </c>
      <c r="I19" s="97">
        <v>6.5230062918468917E-2</v>
      </c>
      <c r="J19" s="142">
        <v>0.34899999999999998</v>
      </c>
      <c r="K19" s="97">
        <v>8.485516420465733E-2</v>
      </c>
      <c r="L19" s="142">
        <v>0.32900000000000001</v>
      </c>
      <c r="M19" s="97">
        <v>8.3726578932338508E-2</v>
      </c>
      <c r="N19" s="142">
        <v>0.13600000000000001</v>
      </c>
      <c r="O19" s="97">
        <v>6.2925720097184362E-2</v>
      </c>
    </row>
    <row r="20" spans="1:19">
      <c r="A20" s="53" t="s">
        <v>447</v>
      </c>
      <c r="B20" s="54">
        <v>168</v>
      </c>
      <c r="C20" s="55">
        <v>3.32</v>
      </c>
      <c r="D20" s="56">
        <v>0.13720000000000002</v>
      </c>
      <c r="E20" s="83">
        <v>168</v>
      </c>
      <c r="F20" s="98">
        <v>3.3000000000000002E-2</v>
      </c>
      <c r="G20" s="94">
        <v>3.1229355866162409E-2</v>
      </c>
      <c r="H20" s="98">
        <v>0.16300000000000001</v>
      </c>
      <c r="I20" s="94">
        <v>5.7395376448605907E-2</v>
      </c>
      <c r="J20" s="98">
        <v>0.39300000000000002</v>
      </c>
      <c r="K20" s="94">
        <v>7.45649895451337E-2</v>
      </c>
      <c r="L20" s="98">
        <v>0.27800000000000002</v>
      </c>
      <c r="M20" s="94">
        <v>6.8705916041603005E-2</v>
      </c>
      <c r="N20" s="98">
        <v>0.13400000000000001</v>
      </c>
      <c r="O20" s="94">
        <v>5.3309553185993189E-2</v>
      </c>
    </row>
    <row r="21" spans="1:19">
      <c r="A21" s="49" t="s">
        <v>446</v>
      </c>
      <c r="B21" s="139">
        <v>108</v>
      </c>
      <c r="C21" s="140">
        <v>3.35</v>
      </c>
      <c r="D21" s="130">
        <v>0.1764</v>
      </c>
      <c r="E21" s="123">
        <v>108</v>
      </c>
      <c r="F21" s="141">
        <v>0.03</v>
      </c>
      <c r="G21" s="97">
        <v>3.9909187639157635E-2</v>
      </c>
      <c r="H21" s="142">
        <v>0.14799999999999999</v>
      </c>
      <c r="I21" s="97">
        <v>6.9382028575221327E-2</v>
      </c>
      <c r="J21" s="142">
        <v>0.40600000000000003</v>
      </c>
      <c r="K21" s="97">
        <v>9.2925444856343145E-2</v>
      </c>
      <c r="L21" s="142">
        <v>0.27300000000000002</v>
      </c>
      <c r="M21" s="97">
        <v>8.4955012694080109E-2</v>
      </c>
      <c r="N21" s="142">
        <v>0.14299999999999999</v>
      </c>
      <c r="O21" s="97">
        <v>6.8528392838297314E-2</v>
      </c>
    </row>
    <row r="22" spans="1:19">
      <c r="A22" s="57" t="s">
        <v>451</v>
      </c>
      <c r="B22" s="135">
        <v>51</v>
      </c>
      <c r="C22" s="136">
        <v>2.78</v>
      </c>
      <c r="D22" s="128">
        <v>0.3332</v>
      </c>
      <c r="E22" s="120">
        <v>51</v>
      </c>
      <c r="F22" s="137">
        <v>0.159</v>
      </c>
      <c r="G22" s="94">
        <v>0.10445270700178143</v>
      </c>
      <c r="H22" s="138">
        <v>0.29499999999999998</v>
      </c>
      <c r="I22" s="94">
        <v>0.12471507783190285</v>
      </c>
      <c r="J22" s="138">
        <v>0.20100000000000001</v>
      </c>
      <c r="K22" s="94">
        <v>0.11221081361754869</v>
      </c>
      <c r="L22" s="138">
        <v>0.29799999999999999</v>
      </c>
      <c r="M22" s="94">
        <v>0.12502081411081767</v>
      </c>
      <c r="N22" s="138">
        <v>4.7E-2</v>
      </c>
      <c r="O22" s="94">
        <v>7.3139557183125273E-2</v>
      </c>
    </row>
    <row r="23" spans="1:19">
      <c r="A23" s="49" t="s">
        <v>448</v>
      </c>
      <c r="B23" s="139">
        <v>98</v>
      </c>
      <c r="C23" s="140">
        <v>3.6</v>
      </c>
      <c r="D23" s="130">
        <v>0.21559999999999999</v>
      </c>
      <c r="E23" s="123">
        <v>98</v>
      </c>
      <c r="F23" s="141">
        <v>6.5000000000000002E-2</v>
      </c>
      <c r="G23" s="97">
        <v>5.4350053848623368E-2</v>
      </c>
      <c r="H23" s="142">
        <v>4.4999999999999998E-2</v>
      </c>
      <c r="I23" s="97">
        <v>4.8057921488946907E-2</v>
      </c>
      <c r="J23" s="142">
        <v>0.28100000000000003</v>
      </c>
      <c r="K23" s="97">
        <v>8.982049403101032E-2</v>
      </c>
      <c r="L23" s="142">
        <v>0.44700000000000001</v>
      </c>
      <c r="M23" s="97">
        <v>9.8499924126281085E-2</v>
      </c>
      <c r="N23" s="142">
        <v>0.16200000000000001</v>
      </c>
      <c r="O23" s="97">
        <v>7.5287845359021471E-2</v>
      </c>
    </row>
    <row r="24" spans="1:19">
      <c r="A24" s="57" t="s">
        <v>449</v>
      </c>
      <c r="B24" s="135">
        <v>129</v>
      </c>
      <c r="C24" s="136">
        <v>3.26</v>
      </c>
      <c r="D24" s="128">
        <v>0.1764</v>
      </c>
      <c r="E24" s="120">
        <v>129</v>
      </c>
      <c r="F24" s="137">
        <v>5.6000000000000001E-2</v>
      </c>
      <c r="G24" s="94">
        <v>4.4058570607254405E-2</v>
      </c>
      <c r="H24" s="138">
        <v>0.22700000000000001</v>
      </c>
      <c r="I24" s="94">
        <v>7.3553527054360246E-2</v>
      </c>
      <c r="J24" s="138">
        <v>0.29499999999999998</v>
      </c>
      <c r="K24" s="94">
        <v>7.95598431266724E-2</v>
      </c>
      <c r="L24" s="138">
        <v>0.248</v>
      </c>
      <c r="M24" s="94">
        <v>7.5644270172558176E-2</v>
      </c>
      <c r="N24" s="138">
        <v>0.17399999999999999</v>
      </c>
      <c r="O24" s="94">
        <v>6.7170619452655858E-2</v>
      </c>
    </row>
    <row r="32" spans="1:19" ht="18.75">
      <c r="A32" s="325" t="s">
        <v>293</v>
      </c>
      <c r="B32" s="325"/>
      <c r="C32" s="325"/>
      <c r="D32" s="325"/>
      <c r="E32" s="325"/>
      <c r="F32" s="325"/>
      <c r="G32" s="325"/>
      <c r="H32" s="325"/>
      <c r="I32" s="325"/>
      <c r="J32" s="325"/>
      <c r="K32" s="325"/>
      <c r="L32" s="227"/>
      <c r="M32" s="227"/>
      <c r="N32" s="227"/>
      <c r="O32" s="227"/>
      <c r="P32" s="257"/>
      <c r="Q32" s="257"/>
      <c r="R32" s="257"/>
      <c r="S32" s="257"/>
    </row>
    <row r="33" spans="1:19" ht="55.5" customHeight="1">
      <c r="A33" s="370" t="s">
        <v>479</v>
      </c>
      <c r="B33" s="370"/>
      <c r="C33" s="370"/>
      <c r="D33" s="370"/>
      <c r="E33" s="370"/>
      <c r="F33" s="370"/>
      <c r="G33" s="370"/>
      <c r="H33" s="370"/>
      <c r="I33" s="370"/>
      <c r="J33" s="370"/>
      <c r="K33" s="370"/>
      <c r="L33" s="268"/>
      <c r="M33" s="268"/>
      <c r="N33" s="268"/>
      <c r="O33" s="268"/>
      <c r="P33" s="257"/>
      <c r="Q33" s="257"/>
      <c r="R33" s="257"/>
      <c r="S33" s="257"/>
    </row>
    <row r="34" spans="1:19" ht="33" customHeight="1">
      <c r="A34" s="362" t="s">
        <v>294</v>
      </c>
      <c r="B34" s="362"/>
      <c r="C34" s="362"/>
      <c r="D34" s="362"/>
      <c r="E34" s="371" t="s">
        <v>399</v>
      </c>
      <c r="F34" s="372"/>
      <c r="G34" s="372"/>
      <c r="H34" s="372"/>
      <c r="I34" s="372"/>
      <c r="J34" s="372"/>
      <c r="K34" s="373"/>
    </row>
    <row r="35" spans="1:19" ht="57.75" customHeight="1">
      <c r="A35" s="37" t="s">
        <v>85</v>
      </c>
      <c r="B35" s="38" t="s">
        <v>86</v>
      </c>
      <c r="C35" s="39" t="s">
        <v>87</v>
      </c>
      <c r="D35" s="40" t="s">
        <v>88</v>
      </c>
      <c r="E35" s="65" t="s">
        <v>86</v>
      </c>
      <c r="F35" s="65" t="s">
        <v>335</v>
      </c>
      <c r="G35" s="88" t="s">
        <v>338</v>
      </c>
      <c r="H35" s="65" t="s">
        <v>336</v>
      </c>
      <c r="I35" s="88" t="s">
        <v>339</v>
      </c>
      <c r="J35" s="65" t="s">
        <v>337</v>
      </c>
      <c r="K35" s="88" t="s">
        <v>340</v>
      </c>
    </row>
    <row r="36" spans="1:19" ht="84">
      <c r="A36" s="41"/>
      <c r="B36" s="42" t="s">
        <v>89</v>
      </c>
      <c r="C36" s="43" t="s">
        <v>434</v>
      </c>
      <c r="D36" s="44" t="s">
        <v>91</v>
      </c>
      <c r="E36" s="68" t="s">
        <v>89</v>
      </c>
      <c r="F36" s="68" t="s">
        <v>396</v>
      </c>
      <c r="G36" s="90" t="s">
        <v>104</v>
      </c>
      <c r="H36" s="68" t="s">
        <v>397</v>
      </c>
      <c r="I36" s="90" t="s">
        <v>104</v>
      </c>
      <c r="J36" s="68" t="s">
        <v>398</v>
      </c>
      <c r="K36" s="90" t="s">
        <v>104</v>
      </c>
    </row>
    <row r="37" spans="1:19">
      <c r="A37" s="45" t="s">
        <v>435</v>
      </c>
      <c r="B37" s="143">
        <v>8499</v>
      </c>
      <c r="C37" s="84">
        <v>7</v>
      </c>
      <c r="D37" s="85">
        <v>3.9199999999999999E-2</v>
      </c>
      <c r="E37" s="83">
        <v>8499</v>
      </c>
      <c r="F37" s="98">
        <v>0.375</v>
      </c>
      <c r="G37" s="94">
        <v>1.0500577029469939E-2</v>
      </c>
      <c r="H37" s="98">
        <v>0.29199999999999998</v>
      </c>
      <c r="I37" s="94">
        <v>9.8626745175174474E-3</v>
      </c>
      <c r="J37" s="98">
        <v>0.33300000000000002</v>
      </c>
      <c r="K37" s="94">
        <v>1.0222440351509997E-2</v>
      </c>
    </row>
    <row r="38" spans="1:19">
      <c r="A38" s="49" t="s">
        <v>436</v>
      </c>
      <c r="B38" s="49">
        <v>7903</v>
      </c>
      <c r="C38" s="145">
        <v>6.98</v>
      </c>
      <c r="D38" s="146">
        <v>3.9199999999999999E-2</v>
      </c>
      <c r="E38" s="123">
        <v>7903</v>
      </c>
      <c r="F38" s="141">
        <v>0.38</v>
      </c>
      <c r="G38" s="97">
        <v>1.0917550105584376E-2</v>
      </c>
      <c r="H38" s="142">
        <v>0.28899999999999998</v>
      </c>
      <c r="I38" s="97">
        <v>1.0196601185226134E-2</v>
      </c>
      <c r="J38" s="142">
        <v>0.33100000000000002</v>
      </c>
      <c r="K38" s="97">
        <v>1.0584723311543207E-2</v>
      </c>
    </row>
    <row r="39" spans="1:19">
      <c r="A39" s="53" t="s">
        <v>437</v>
      </c>
      <c r="B39" s="53">
        <v>762</v>
      </c>
      <c r="C39" s="84">
        <v>6.6</v>
      </c>
      <c r="D39" s="85">
        <v>0.15679999999999999</v>
      </c>
      <c r="E39" s="83">
        <v>762</v>
      </c>
      <c r="F39" s="98">
        <v>0.43330000000000002</v>
      </c>
      <c r="G39" s="94">
        <v>3.5811914545822561E-2</v>
      </c>
      <c r="H39" s="98">
        <v>0.31990000000000002</v>
      </c>
      <c r="I39" s="94">
        <v>3.3732309960219774E-2</v>
      </c>
      <c r="J39" s="98">
        <v>0.2467</v>
      </c>
      <c r="K39" s="94">
        <v>3.1207839281605552E-2</v>
      </c>
    </row>
    <row r="40" spans="1:19">
      <c r="A40" s="49" t="s">
        <v>438</v>
      </c>
      <c r="B40" s="49">
        <v>87</v>
      </c>
      <c r="C40" s="145">
        <v>6.67</v>
      </c>
      <c r="D40" s="146">
        <v>0.49</v>
      </c>
      <c r="E40" s="123">
        <v>87</v>
      </c>
      <c r="F40" s="141">
        <v>0.496</v>
      </c>
      <c r="G40" s="97">
        <v>0.10482541753661642</v>
      </c>
      <c r="H40" s="142">
        <v>0.20799999999999999</v>
      </c>
      <c r="I40" s="97">
        <v>8.6967720374504703E-2</v>
      </c>
      <c r="J40" s="142">
        <v>0.29499999999999998</v>
      </c>
      <c r="K40" s="97">
        <v>9.6439540377378258E-2</v>
      </c>
    </row>
    <row r="41" spans="1:19">
      <c r="A41" s="53" t="s">
        <v>439</v>
      </c>
      <c r="B41" s="53">
        <v>590</v>
      </c>
      <c r="C41" s="84">
        <v>7.19</v>
      </c>
      <c r="D41" s="85">
        <v>0.1764</v>
      </c>
      <c r="E41" s="83">
        <v>590</v>
      </c>
      <c r="F41" s="98">
        <v>0.34100000000000003</v>
      </c>
      <c r="G41" s="94">
        <v>3.8929993148787874E-2</v>
      </c>
      <c r="H41" s="98">
        <v>0.30199999999999999</v>
      </c>
      <c r="I41" s="94">
        <v>3.7723272226699953E-2</v>
      </c>
      <c r="J41" s="98">
        <v>0.35699999999999998</v>
      </c>
      <c r="K41" s="94">
        <v>3.9340136383918596E-2</v>
      </c>
    </row>
    <row r="42" spans="1:19">
      <c r="A42" s="49" t="s">
        <v>440</v>
      </c>
      <c r="B42" s="49">
        <v>271</v>
      </c>
      <c r="C42" s="145">
        <v>7.54</v>
      </c>
      <c r="D42" s="146">
        <v>0.25480000000000003</v>
      </c>
      <c r="E42" s="123">
        <v>271</v>
      </c>
      <c r="F42" s="141">
        <v>0.27200000000000002</v>
      </c>
      <c r="G42" s="97">
        <v>5.387085750204846E-2</v>
      </c>
      <c r="H42" s="142">
        <v>0.30199999999999999</v>
      </c>
      <c r="I42" s="97">
        <v>5.5521093203803669E-2</v>
      </c>
      <c r="J42" s="142">
        <v>0.42499999999999999</v>
      </c>
      <c r="K42" s="97">
        <v>5.9639821508298448E-2</v>
      </c>
    </row>
    <row r="43" spans="1:19">
      <c r="A43" s="53" t="s">
        <v>441</v>
      </c>
      <c r="B43" s="53">
        <v>69</v>
      </c>
      <c r="C43" s="84">
        <v>6.88</v>
      </c>
      <c r="D43" s="85">
        <v>0.60760000000000003</v>
      </c>
      <c r="E43" s="83">
        <v>69</v>
      </c>
      <c r="F43" s="98">
        <v>0.34599999999999997</v>
      </c>
      <c r="G43" s="94">
        <v>0.11197157365382339</v>
      </c>
      <c r="H43" s="98">
        <v>0.26600000000000001</v>
      </c>
      <c r="I43" s="94">
        <v>0.10496711969409678</v>
      </c>
      <c r="J43" s="98">
        <v>0.38800000000000001</v>
      </c>
      <c r="K43" s="94">
        <v>0.11438771423890938</v>
      </c>
    </row>
    <row r="44" spans="1:19">
      <c r="A44" s="49" t="s">
        <v>442</v>
      </c>
      <c r="B44" s="49">
        <v>129</v>
      </c>
      <c r="C44" s="145">
        <v>6.8</v>
      </c>
      <c r="D44" s="146">
        <v>0.41159999999999997</v>
      </c>
      <c r="E44" s="123">
        <v>129</v>
      </c>
      <c r="F44" s="141">
        <v>0.433</v>
      </c>
      <c r="G44" s="97">
        <v>8.597550878074485E-2</v>
      </c>
      <c r="H44" s="142">
        <v>0.33100000000000002</v>
      </c>
      <c r="I44" s="97">
        <v>8.1918925807090856E-2</v>
      </c>
      <c r="J44" s="142">
        <v>0.23599999999999999</v>
      </c>
      <c r="K44" s="97">
        <v>7.4477265924121863E-2</v>
      </c>
    </row>
    <row r="45" spans="1:19">
      <c r="A45" s="53" t="s">
        <v>443</v>
      </c>
      <c r="B45" s="53">
        <v>115</v>
      </c>
      <c r="C45" s="84">
        <v>6.95</v>
      </c>
      <c r="D45" s="85">
        <v>0.41159999999999997</v>
      </c>
      <c r="E45" s="83">
        <v>115</v>
      </c>
      <c r="F45" s="98">
        <v>0.40300000000000002</v>
      </c>
      <c r="G45" s="94">
        <v>9.0044416104008526E-2</v>
      </c>
      <c r="H45" s="98">
        <v>0.28899999999999998</v>
      </c>
      <c r="I45" s="94">
        <v>8.3700487582512029E-2</v>
      </c>
      <c r="J45" s="98">
        <v>0.308</v>
      </c>
      <c r="K45" s="94">
        <v>8.5124249436842686E-2</v>
      </c>
    </row>
    <row r="46" spans="1:19">
      <c r="A46" s="49" t="s">
        <v>444</v>
      </c>
      <c r="B46" s="49">
        <v>561</v>
      </c>
      <c r="C46" s="145">
        <v>6.85</v>
      </c>
      <c r="D46" s="146">
        <v>0.19600000000000001</v>
      </c>
      <c r="E46" s="123">
        <v>561</v>
      </c>
      <c r="F46" s="141">
        <v>0.39</v>
      </c>
      <c r="G46" s="97">
        <v>4.1054310755503663E-2</v>
      </c>
      <c r="H46" s="142">
        <v>0.26200000000000001</v>
      </c>
      <c r="I46" s="97">
        <v>3.7074925320487978E-2</v>
      </c>
      <c r="J46" s="142">
        <v>0.34899999999999998</v>
      </c>
      <c r="K46" s="97">
        <v>4.0134349880788386E-2</v>
      </c>
    </row>
    <row r="47" spans="1:19">
      <c r="A47" s="45" t="s">
        <v>445</v>
      </c>
      <c r="B47" s="143">
        <v>501</v>
      </c>
      <c r="C47" s="84">
        <v>6.96</v>
      </c>
      <c r="D47" s="85">
        <v>0.19600000000000001</v>
      </c>
      <c r="E47" s="83">
        <v>501</v>
      </c>
      <c r="F47" s="98">
        <v>0.35799999999999998</v>
      </c>
      <c r="G47" s="94">
        <v>4.2696642540559958E-2</v>
      </c>
      <c r="H47" s="98">
        <v>0.28100000000000003</v>
      </c>
      <c r="I47" s="94">
        <v>4.0078711585304676E-2</v>
      </c>
      <c r="J47" s="98">
        <v>0.36099999999999999</v>
      </c>
      <c r="K47" s="94">
        <v>4.2773533323966217E-2</v>
      </c>
    </row>
    <row r="48" spans="1:19" ht="25.5">
      <c r="A48" s="49" t="s">
        <v>450</v>
      </c>
      <c r="B48" s="144">
        <v>112</v>
      </c>
      <c r="C48" s="145">
        <v>6.89</v>
      </c>
      <c r="D48" s="146">
        <v>0.43119999999999997</v>
      </c>
      <c r="E48" s="123">
        <v>112</v>
      </c>
      <c r="F48" s="141">
        <v>0.371</v>
      </c>
      <c r="G48" s="97">
        <v>8.9920821112006888E-2</v>
      </c>
      <c r="H48" s="142">
        <v>0.27700000000000002</v>
      </c>
      <c r="I48" s="97">
        <v>8.3798085611049344E-2</v>
      </c>
      <c r="J48" s="142">
        <v>0.35199999999999998</v>
      </c>
      <c r="K48" s="97">
        <v>8.897511769674725E-2</v>
      </c>
    </row>
    <row r="49" spans="1:22">
      <c r="A49" s="53" t="s">
        <v>447</v>
      </c>
      <c r="B49" s="83">
        <v>165</v>
      </c>
      <c r="C49" s="84">
        <v>7.62</v>
      </c>
      <c r="D49" s="85">
        <v>0.29399999999999998</v>
      </c>
      <c r="E49" s="83">
        <v>165</v>
      </c>
      <c r="F49" s="98">
        <v>0.246</v>
      </c>
      <c r="G49" s="94">
        <v>6.6795080016249245E-2</v>
      </c>
      <c r="H49" s="98">
        <v>0.307</v>
      </c>
      <c r="I49" s="94">
        <v>7.125143398797204E-2</v>
      </c>
      <c r="J49" s="98">
        <v>0.44700000000000001</v>
      </c>
      <c r="K49" s="94">
        <v>7.6510029013463279E-2</v>
      </c>
    </row>
    <row r="50" spans="1:22">
      <c r="A50" s="49" t="s">
        <v>446</v>
      </c>
      <c r="B50" s="144">
        <v>104</v>
      </c>
      <c r="C50" s="145">
        <v>7.79</v>
      </c>
      <c r="D50" s="146">
        <v>0.3528</v>
      </c>
      <c r="E50" s="123">
        <v>104</v>
      </c>
      <c r="F50" s="141">
        <v>0.20699999999999999</v>
      </c>
      <c r="G50" s="97">
        <v>7.9440735538110097E-2</v>
      </c>
      <c r="H50" s="142">
        <v>0.28299999999999997</v>
      </c>
      <c r="I50" s="97">
        <v>8.7418635209217263E-2</v>
      </c>
      <c r="J50" s="142">
        <v>0.51</v>
      </c>
      <c r="K50" s="97">
        <v>9.6207197357846941E-2</v>
      </c>
    </row>
    <row r="51" spans="1:22">
      <c r="A51" s="57" t="s">
        <v>451</v>
      </c>
      <c r="B51" s="143">
        <v>57</v>
      </c>
      <c r="C51" s="84">
        <v>5.32</v>
      </c>
      <c r="D51" s="85">
        <v>0.64680000000000004</v>
      </c>
      <c r="E51" s="83">
        <v>57</v>
      </c>
      <c r="F51" s="98">
        <v>0.67</v>
      </c>
      <c r="G51" s="94">
        <v>0.12140324252683361</v>
      </c>
      <c r="H51" s="98">
        <v>0.20599999999999999</v>
      </c>
      <c r="I51" s="94">
        <v>0.10697883995498128</v>
      </c>
      <c r="J51" s="98">
        <v>0.125</v>
      </c>
      <c r="K51" s="94">
        <v>9.1333633324722899E-2</v>
      </c>
    </row>
    <row r="52" spans="1:22">
      <c r="A52" s="49" t="s">
        <v>448</v>
      </c>
      <c r="B52" s="144">
        <v>96</v>
      </c>
      <c r="C52" s="145">
        <v>7.42</v>
      </c>
      <c r="D52" s="146">
        <v>0.47039999999999998</v>
      </c>
      <c r="E52" s="123">
        <v>96</v>
      </c>
      <c r="F52" s="141">
        <v>0.32600000000000001</v>
      </c>
      <c r="G52" s="97">
        <v>9.4254472233417125E-2</v>
      </c>
      <c r="H52" s="142">
        <v>0.26900000000000002</v>
      </c>
      <c r="I52" s="97">
        <v>8.9626447525270131E-2</v>
      </c>
      <c r="J52" s="142">
        <v>0.40600000000000003</v>
      </c>
      <c r="K52" s="97">
        <v>9.835786545060847E-2</v>
      </c>
    </row>
    <row r="53" spans="1:22">
      <c r="A53" s="57" t="s">
        <v>449</v>
      </c>
      <c r="B53" s="143">
        <v>123</v>
      </c>
      <c r="C53" s="84">
        <v>6.64</v>
      </c>
      <c r="D53" s="85">
        <v>0.41159999999999997</v>
      </c>
      <c r="E53" s="83">
        <v>123</v>
      </c>
      <c r="F53" s="98">
        <v>0.41299999999999998</v>
      </c>
      <c r="G53" s="94">
        <v>8.7466579253185558E-2</v>
      </c>
      <c r="H53" s="98">
        <v>0.21099999999999999</v>
      </c>
      <c r="I53" s="94">
        <v>7.3529106638414277E-2</v>
      </c>
      <c r="J53" s="98">
        <v>0.376</v>
      </c>
      <c r="K53" s="94">
        <v>8.6138016684382659E-2</v>
      </c>
    </row>
    <row r="54" spans="1:22">
      <c r="A54" s="242"/>
      <c r="B54" s="242"/>
      <c r="C54" s="242"/>
      <c r="D54" s="242"/>
      <c r="E54" s="242"/>
      <c r="F54" s="242"/>
      <c r="G54" s="242"/>
      <c r="H54" s="242"/>
      <c r="I54" s="242"/>
      <c r="J54" s="242"/>
      <c r="K54" s="242"/>
    </row>
    <row r="55" spans="1:22">
      <c r="A55" s="242"/>
      <c r="B55" s="242"/>
      <c r="C55" s="242"/>
      <c r="D55" s="242"/>
      <c r="E55" s="242"/>
      <c r="F55" s="242"/>
      <c r="G55" s="242"/>
      <c r="H55" s="242"/>
      <c r="I55" s="242"/>
      <c r="J55" s="242"/>
      <c r="K55" s="242"/>
    </row>
    <row r="56" spans="1:22">
      <c r="A56" s="242"/>
      <c r="B56" s="242"/>
      <c r="C56" s="242"/>
      <c r="D56" s="242"/>
      <c r="E56" s="242"/>
      <c r="F56" s="242"/>
      <c r="G56" s="242"/>
      <c r="H56" s="242"/>
      <c r="I56" s="242"/>
      <c r="J56" s="242"/>
      <c r="K56" s="242"/>
    </row>
    <row r="57" spans="1:22">
      <c r="A57" s="242"/>
      <c r="B57" s="242"/>
      <c r="C57" s="242"/>
      <c r="D57" s="242"/>
      <c r="E57" s="242"/>
      <c r="F57" s="242"/>
      <c r="G57" s="242"/>
      <c r="H57" s="242"/>
      <c r="I57" s="242"/>
      <c r="J57" s="242"/>
      <c r="K57" s="242"/>
    </row>
    <row r="58" spans="1:22">
      <c r="A58" s="242"/>
      <c r="B58" s="242"/>
      <c r="C58" s="242"/>
      <c r="D58" s="242"/>
      <c r="E58" s="242"/>
      <c r="F58" s="242"/>
      <c r="G58" s="242"/>
      <c r="H58" s="242"/>
      <c r="I58" s="242"/>
      <c r="J58" s="242"/>
      <c r="K58" s="242"/>
    </row>
    <row r="59" spans="1:22">
      <c r="A59" s="242"/>
      <c r="B59" s="242"/>
      <c r="C59" s="242"/>
      <c r="D59" s="242"/>
      <c r="E59" s="242"/>
      <c r="F59" s="242"/>
      <c r="G59" s="242"/>
      <c r="H59" s="242"/>
      <c r="I59" s="242"/>
      <c r="J59" s="242"/>
      <c r="K59" s="242"/>
    </row>
    <row r="60" spans="1:22" s="249" customFormat="1">
      <c r="A60" s="242"/>
      <c r="B60" s="243"/>
      <c r="C60" s="244"/>
      <c r="D60" s="245"/>
      <c r="E60" s="246"/>
      <c r="F60" s="247"/>
      <c r="G60" s="248"/>
      <c r="H60" s="247"/>
      <c r="I60" s="248"/>
    </row>
    <row r="61" spans="1:22" ht="18.75">
      <c r="A61" s="317" t="s">
        <v>295</v>
      </c>
      <c r="B61" s="317"/>
      <c r="C61" s="317"/>
      <c r="D61" s="317"/>
      <c r="E61" s="317"/>
      <c r="F61" s="317"/>
      <c r="G61" s="317"/>
      <c r="H61" s="317"/>
      <c r="I61" s="317"/>
      <c r="J61" s="317"/>
      <c r="K61" s="317"/>
      <c r="L61" s="317"/>
      <c r="M61" s="317"/>
      <c r="N61" s="317"/>
      <c r="O61" s="317"/>
      <c r="P61" s="317"/>
      <c r="Q61" s="317"/>
      <c r="R61" s="317"/>
      <c r="S61" s="317"/>
      <c r="T61" s="317"/>
      <c r="U61" s="317"/>
      <c r="V61" s="317"/>
    </row>
    <row r="62" spans="1:22" ht="73.5" customHeight="1">
      <c r="A62" s="364" t="s">
        <v>480</v>
      </c>
      <c r="B62" s="364"/>
      <c r="C62" s="364"/>
      <c r="D62" s="364"/>
      <c r="E62" s="364"/>
      <c r="F62" s="364"/>
      <c r="G62" s="364"/>
      <c r="H62" s="364"/>
      <c r="I62" s="364"/>
      <c r="J62" s="364"/>
      <c r="K62" s="364"/>
      <c r="L62" s="364"/>
      <c r="M62" s="364"/>
      <c r="N62" s="364"/>
      <c r="O62" s="364"/>
      <c r="P62" s="364"/>
      <c r="Q62" s="364"/>
      <c r="R62" s="364"/>
      <c r="S62" s="364"/>
      <c r="T62" s="364"/>
      <c r="U62" s="364"/>
      <c r="V62" s="364"/>
    </row>
    <row r="63" spans="1:22" ht="57.75" customHeight="1">
      <c r="A63" s="241"/>
      <c r="B63" s="363" t="s">
        <v>341</v>
      </c>
      <c r="C63" s="363"/>
      <c r="D63" s="363"/>
      <c r="E63" s="363"/>
      <c r="F63" s="363"/>
      <c r="G63" s="363"/>
      <c r="H63" s="363"/>
      <c r="I63" s="363" t="s">
        <v>342</v>
      </c>
      <c r="J63" s="363"/>
      <c r="K63" s="363"/>
      <c r="L63" s="363"/>
      <c r="M63" s="363"/>
      <c r="N63" s="363"/>
      <c r="O63" s="363"/>
      <c r="P63" s="363" t="s">
        <v>343</v>
      </c>
      <c r="Q63" s="363"/>
      <c r="R63" s="363"/>
      <c r="S63" s="363"/>
      <c r="T63" s="363"/>
      <c r="U63" s="363"/>
      <c r="V63" s="363"/>
    </row>
    <row r="64" spans="1:22" ht="44.25" customHeight="1">
      <c r="A64" s="37" t="s">
        <v>85</v>
      </c>
      <c r="B64" s="38" t="s">
        <v>86</v>
      </c>
      <c r="C64" s="38" t="s">
        <v>296</v>
      </c>
      <c r="D64" s="89" t="s">
        <v>299</v>
      </c>
      <c r="E64" s="38" t="s">
        <v>298</v>
      </c>
      <c r="F64" s="89" t="s">
        <v>300</v>
      </c>
      <c r="G64" s="38" t="s">
        <v>297</v>
      </c>
      <c r="H64" s="89" t="s">
        <v>301</v>
      </c>
      <c r="I64" s="65" t="s">
        <v>86</v>
      </c>
      <c r="J64" s="65" t="s">
        <v>302</v>
      </c>
      <c r="K64" s="88" t="s">
        <v>303</v>
      </c>
      <c r="L64" s="65" t="s">
        <v>304</v>
      </c>
      <c r="M64" s="88" t="s">
        <v>305</v>
      </c>
      <c r="N64" s="65" t="s">
        <v>306</v>
      </c>
      <c r="O64" s="88" t="s">
        <v>307</v>
      </c>
      <c r="P64" s="38" t="s">
        <v>86</v>
      </c>
      <c r="Q64" s="38" t="s">
        <v>308</v>
      </c>
      <c r="R64" s="89" t="s">
        <v>309</v>
      </c>
      <c r="S64" s="38" t="s">
        <v>310</v>
      </c>
      <c r="T64" s="89" t="s">
        <v>311</v>
      </c>
      <c r="U64" s="38" t="s">
        <v>312</v>
      </c>
      <c r="V64" s="89" t="s">
        <v>313</v>
      </c>
    </row>
    <row r="65" spans="1:22" ht="72">
      <c r="A65" s="41"/>
      <c r="B65" s="42" t="s">
        <v>89</v>
      </c>
      <c r="C65" s="42" t="s">
        <v>400</v>
      </c>
      <c r="D65" s="91" t="s">
        <v>104</v>
      </c>
      <c r="E65" s="42" t="s">
        <v>401</v>
      </c>
      <c r="F65" s="91" t="s">
        <v>104</v>
      </c>
      <c r="G65" s="42" t="s">
        <v>402</v>
      </c>
      <c r="H65" s="91" t="s">
        <v>104</v>
      </c>
      <c r="I65" s="68" t="s">
        <v>89</v>
      </c>
      <c r="J65" s="68" t="s">
        <v>400</v>
      </c>
      <c r="K65" s="90" t="s">
        <v>104</v>
      </c>
      <c r="L65" s="68" t="s">
        <v>401</v>
      </c>
      <c r="M65" s="90" t="s">
        <v>104</v>
      </c>
      <c r="N65" s="68" t="s">
        <v>402</v>
      </c>
      <c r="O65" s="90" t="s">
        <v>104</v>
      </c>
      <c r="P65" s="42" t="s">
        <v>89</v>
      </c>
      <c r="Q65" s="42" t="s">
        <v>400</v>
      </c>
      <c r="R65" s="91" t="s">
        <v>104</v>
      </c>
      <c r="S65" s="42" t="s">
        <v>401</v>
      </c>
      <c r="T65" s="91" t="s">
        <v>104</v>
      </c>
      <c r="U65" s="42" t="s">
        <v>402</v>
      </c>
      <c r="V65" s="91" t="s">
        <v>104</v>
      </c>
    </row>
    <row r="66" spans="1:22">
      <c r="A66" s="45" t="s">
        <v>435</v>
      </c>
      <c r="B66" s="83">
        <v>8484</v>
      </c>
      <c r="C66" s="98">
        <v>0.32</v>
      </c>
      <c r="D66" s="94">
        <v>1.0127149474162347E-2</v>
      </c>
      <c r="E66" s="98">
        <v>0.39400000000000002</v>
      </c>
      <c r="F66" s="94">
        <v>1.0607703252415128E-2</v>
      </c>
      <c r="G66" s="98">
        <v>0.28699999999999998</v>
      </c>
      <c r="H66" s="94">
        <v>9.8210604486161854E-3</v>
      </c>
      <c r="I66" s="83">
        <v>8425</v>
      </c>
      <c r="J66" s="98">
        <v>0.78900000000000003</v>
      </c>
      <c r="K66" s="94">
        <v>8.8904766373461511E-3</v>
      </c>
      <c r="L66" s="98">
        <v>0.155</v>
      </c>
      <c r="M66" s="94">
        <v>7.8872088091317093E-3</v>
      </c>
      <c r="N66" s="98">
        <v>5.6000000000000001E-2</v>
      </c>
      <c r="O66" s="94">
        <v>5.0175186383312033E-3</v>
      </c>
      <c r="P66" s="83">
        <v>8428</v>
      </c>
      <c r="Q66" s="98">
        <v>0.875</v>
      </c>
      <c r="R66" s="94">
        <v>7.2075620688279345E-3</v>
      </c>
      <c r="S66" s="98">
        <v>8.8999999999999996E-2</v>
      </c>
      <c r="T66" s="94">
        <v>6.2079411632591482E-3</v>
      </c>
      <c r="U66" s="98">
        <v>3.6999999999999998E-2</v>
      </c>
      <c r="V66" s="94">
        <v>4.1230100085499575E-3</v>
      </c>
    </row>
    <row r="67" spans="1:22">
      <c r="A67" s="49" t="s">
        <v>436</v>
      </c>
      <c r="B67" s="149">
        <v>7888</v>
      </c>
      <c r="C67" s="151">
        <v>0.316</v>
      </c>
      <c r="D67" s="97">
        <v>1.0467489084355273E-2</v>
      </c>
      <c r="E67" s="151">
        <v>0.40400000000000003</v>
      </c>
      <c r="F67" s="97">
        <v>1.1047364730406279E-2</v>
      </c>
      <c r="G67" s="151">
        <v>0.28100000000000003</v>
      </c>
      <c r="H67" s="97">
        <v>1.0120600826100718E-2</v>
      </c>
      <c r="I67" s="149">
        <v>7833</v>
      </c>
      <c r="J67" s="151">
        <v>0.79200000000000004</v>
      </c>
      <c r="K67" s="97">
        <v>9.1719990184560909E-3</v>
      </c>
      <c r="L67" s="151">
        <v>0.153</v>
      </c>
      <c r="M67" s="97">
        <v>8.1366999405030546E-3</v>
      </c>
      <c r="N67" s="151">
        <v>5.5E-2</v>
      </c>
      <c r="O67" s="97">
        <v>5.1605383290471638E-3</v>
      </c>
      <c r="P67" s="149">
        <v>7837</v>
      </c>
      <c r="Q67" s="151">
        <v>0.88200000000000001</v>
      </c>
      <c r="R67" s="97">
        <v>7.2917185617857117E-3</v>
      </c>
      <c r="S67" s="151">
        <v>0.08</v>
      </c>
      <c r="T67" s="97">
        <v>6.1349833936778777E-3</v>
      </c>
      <c r="U67" s="151">
        <v>3.7999999999999999E-2</v>
      </c>
      <c r="V67" s="97">
        <v>4.3312478023080133E-3</v>
      </c>
    </row>
    <row r="68" spans="1:22">
      <c r="A68" s="53" t="s">
        <v>437</v>
      </c>
      <c r="B68" s="83">
        <v>761</v>
      </c>
      <c r="C68" s="98">
        <v>0.3674</v>
      </c>
      <c r="D68" s="94">
        <v>3.4874237643047236E-2</v>
      </c>
      <c r="E68" s="98">
        <v>0.40589999999999998</v>
      </c>
      <c r="F68" s="94">
        <v>3.5515810507105915E-2</v>
      </c>
      <c r="G68" s="98">
        <v>0.22670000000000001</v>
      </c>
      <c r="H68" s="94">
        <v>3.034323648043747E-2</v>
      </c>
      <c r="I68" s="83">
        <v>756</v>
      </c>
      <c r="J68" s="98">
        <v>0.76900000000000002</v>
      </c>
      <c r="K68" s="94">
        <v>3.0642135616535424E-2</v>
      </c>
      <c r="L68" s="98">
        <v>0.15640000000000001</v>
      </c>
      <c r="M68" s="94">
        <v>2.6475263187466229E-2</v>
      </c>
      <c r="N68" s="98">
        <v>7.4700000000000003E-2</v>
      </c>
      <c r="O68" s="94">
        <v>1.9333486142273235E-2</v>
      </c>
      <c r="P68" s="83">
        <v>757</v>
      </c>
      <c r="Q68" s="98">
        <v>0.86240000000000006</v>
      </c>
      <c r="R68" s="94">
        <v>2.5119243137427246E-2</v>
      </c>
      <c r="S68" s="98">
        <v>9.6299999999999997E-2</v>
      </c>
      <c r="T68" s="94">
        <v>2.1596596021918667E-2</v>
      </c>
      <c r="U68" s="98">
        <v>4.1300000000000003E-2</v>
      </c>
      <c r="V68" s="94">
        <v>1.4822716390196762E-2</v>
      </c>
    </row>
    <row r="69" spans="1:22">
      <c r="A69" s="49" t="s">
        <v>438</v>
      </c>
      <c r="B69" s="149">
        <v>86</v>
      </c>
      <c r="C69" s="151">
        <v>0.443</v>
      </c>
      <c r="D69" s="97">
        <v>0.10478197093058884</v>
      </c>
      <c r="E69" s="151">
        <v>0.373</v>
      </c>
      <c r="F69" s="97">
        <v>0.10225737227121301</v>
      </c>
      <c r="G69" s="151">
        <v>0.184</v>
      </c>
      <c r="H69" s="97">
        <v>8.4016623346979721E-2</v>
      </c>
      <c r="I69" s="149">
        <v>85</v>
      </c>
      <c r="J69" s="151">
        <v>0.76500000000000001</v>
      </c>
      <c r="K69" s="97">
        <v>9.1417183931354423E-2</v>
      </c>
      <c r="L69" s="151">
        <v>0.16600000000000001</v>
      </c>
      <c r="M69" s="97">
        <v>8.1625664727222033E-2</v>
      </c>
      <c r="N69" s="151">
        <v>6.9000000000000006E-2</v>
      </c>
      <c r="O69" s="97">
        <v>6.0172557337256856E-2</v>
      </c>
      <c r="P69" s="149">
        <v>86</v>
      </c>
      <c r="Q69" s="151">
        <v>0.80900000000000005</v>
      </c>
      <c r="R69" s="97">
        <v>8.5066665505631009E-2</v>
      </c>
      <c r="S69" s="151">
        <v>0.16800000000000001</v>
      </c>
      <c r="T69" s="97">
        <v>8.1474184723788645E-2</v>
      </c>
      <c r="U69" s="151">
        <v>2.3E-2</v>
      </c>
      <c r="V69" s="97">
        <v>4.3331466626459807E-2</v>
      </c>
    </row>
    <row r="70" spans="1:22">
      <c r="A70" s="53" t="s">
        <v>439</v>
      </c>
      <c r="B70" s="83">
        <v>590</v>
      </c>
      <c r="C70" s="98">
        <v>0.28299999999999997</v>
      </c>
      <c r="D70" s="94">
        <v>3.7022430178929991E-2</v>
      </c>
      <c r="E70" s="98">
        <v>0.45200000000000001</v>
      </c>
      <c r="F70" s="94">
        <v>4.0843540330055855E-2</v>
      </c>
      <c r="G70" s="98">
        <v>0.26500000000000001</v>
      </c>
      <c r="H70" s="94">
        <v>3.6285091387479325E-2</v>
      </c>
      <c r="I70" s="83">
        <v>583</v>
      </c>
      <c r="J70" s="98">
        <v>0.82899999999999996</v>
      </c>
      <c r="K70" s="94">
        <v>3.1241124048314906E-2</v>
      </c>
      <c r="L70" s="98">
        <v>0.126</v>
      </c>
      <c r="M70" s="94">
        <v>2.7629061773847736E-2</v>
      </c>
      <c r="N70" s="98">
        <v>4.4999999999999998E-2</v>
      </c>
      <c r="O70" s="94">
        <v>1.7663686058224472E-2</v>
      </c>
      <c r="P70" s="83">
        <v>584</v>
      </c>
      <c r="Q70" s="98">
        <v>0.90600000000000003</v>
      </c>
      <c r="R70" s="94">
        <v>2.4383422291478628E-2</v>
      </c>
      <c r="S70" s="98">
        <v>6.2E-2</v>
      </c>
      <c r="T70" s="94">
        <v>2.0330139898910998E-2</v>
      </c>
      <c r="U70" s="98">
        <v>3.1E-2</v>
      </c>
      <c r="V70" s="94">
        <v>1.4987860740631933E-2</v>
      </c>
    </row>
    <row r="71" spans="1:22">
      <c r="A71" s="49" t="s">
        <v>440</v>
      </c>
      <c r="B71" s="149">
        <v>271</v>
      </c>
      <c r="C71" s="151">
        <v>0.23</v>
      </c>
      <c r="D71" s="97">
        <v>5.105509377869475E-2</v>
      </c>
      <c r="E71" s="151">
        <v>0.43099999999999999</v>
      </c>
      <c r="F71" s="97">
        <v>5.9742050916766723E-2</v>
      </c>
      <c r="G71" s="151">
        <v>0.33800000000000002</v>
      </c>
      <c r="H71" s="97">
        <v>5.7145926045022673E-2</v>
      </c>
      <c r="I71" s="149">
        <v>270</v>
      </c>
      <c r="J71" s="151">
        <v>0.85199999999999998</v>
      </c>
      <c r="K71" s="97">
        <v>4.3511426293810967E-2</v>
      </c>
      <c r="L71" s="151">
        <v>0.11700000000000001</v>
      </c>
      <c r="M71" s="97">
        <v>3.9626472854603023E-2</v>
      </c>
      <c r="N71" s="151">
        <v>3.1E-2</v>
      </c>
      <c r="O71" s="97">
        <v>2.3056370612049754E-2</v>
      </c>
      <c r="P71" s="149">
        <v>271</v>
      </c>
      <c r="Q71" s="151">
        <v>0.92900000000000005</v>
      </c>
      <c r="R71" s="97">
        <v>3.219801967936424E-2</v>
      </c>
      <c r="S71" s="151">
        <v>4.1000000000000002E-2</v>
      </c>
      <c r="T71" s="97">
        <v>2.5698483290731908E-2</v>
      </c>
      <c r="U71" s="151">
        <v>0.03</v>
      </c>
      <c r="V71" s="97">
        <v>2.2717056771722144E-2</v>
      </c>
    </row>
    <row r="72" spans="1:22">
      <c r="A72" s="53" t="s">
        <v>441</v>
      </c>
      <c r="B72" s="83">
        <v>69</v>
      </c>
      <c r="C72" s="98">
        <v>0.38400000000000001</v>
      </c>
      <c r="D72" s="94">
        <v>0.11419239456269621</v>
      </c>
      <c r="E72" s="98">
        <v>0.41599999999999998</v>
      </c>
      <c r="F72" s="94">
        <v>0.11555608851282069</v>
      </c>
      <c r="G72" s="98">
        <v>0.2</v>
      </c>
      <c r="H72" s="94">
        <v>9.6398941091564688E-2</v>
      </c>
      <c r="I72" s="83">
        <v>68</v>
      </c>
      <c r="J72" s="98">
        <v>0.80400000000000005</v>
      </c>
      <c r="K72" s="94">
        <v>9.6484659078973439E-2</v>
      </c>
      <c r="L72" s="98">
        <v>6.8000000000000005E-2</v>
      </c>
      <c r="M72" s="94">
        <v>6.8124069820357111E-2</v>
      </c>
      <c r="N72" s="98">
        <v>0.129</v>
      </c>
      <c r="O72" s="94">
        <v>8.4072596454628251E-2</v>
      </c>
      <c r="P72" s="83">
        <v>67</v>
      </c>
      <c r="Q72" s="98">
        <v>0.878</v>
      </c>
      <c r="R72" s="94">
        <v>8.3163540093592378E-2</v>
      </c>
      <c r="S72" s="98">
        <v>0.122</v>
      </c>
      <c r="T72" s="94">
        <v>8.3163540093592378E-2</v>
      </c>
      <c r="U72" s="98">
        <v>0</v>
      </c>
      <c r="V72" s="94">
        <v>3.9271909274046654E-2</v>
      </c>
    </row>
    <row r="73" spans="1:22">
      <c r="A73" s="49" t="s">
        <v>442</v>
      </c>
      <c r="B73" s="149">
        <v>129</v>
      </c>
      <c r="C73" s="151">
        <v>0.34599999999999997</v>
      </c>
      <c r="D73" s="97">
        <v>8.2751385022094948E-2</v>
      </c>
      <c r="E73" s="151">
        <v>0.51500000000000001</v>
      </c>
      <c r="F73" s="97">
        <v>8.6674281000858874E-2</v>
      </c>
      <c r="G73" s="151">
        <v>0.13900000000000001</v>
      </c>
      <c r="H73" s="97">
        <v>6.1899744212630427E-2</v>
      </c>
      <c r="I73" s="149">
        <v>128</v>
      </c>
      <c r="J73" s="151">
        <v>0.74399999999999999</v>
      </c>
      <c r="K73" s="97">
        <v>7.6676726365934533E-2</v>
      </c>
      <c r="L73" s="151">
        <v>0.183</v>
      </c>
      <c r="M73" s="97">
        <v>6.8646871085391775E-2</v>
      </c>
      <c r="N73" s="151">
        <v>7.2999999999999995E-2</v>
      </c>
      <c r="O73" s="97">
        <v>4.878953393379027E-2</v>
      </c>
      <c r="P73" s="149">
        <v>128</v>
      </c>
      <c r="Q73" s="151">
        <v>0.91300000000000003</v>
      </c>
      <c r="R73" s="97">
        <v>5.2110571873971605E-2</v>
      </c>
      <c r="S73" s="151">
        <v>3.6999999999999998E-2</v>
      </c>
      <c r="T73" s="97">
        <v>3.8307452872040321E-2</v>
      </c>
      <c r="U73" s="151">
        <v>0.05</v>
      </c>
      <c r="V73" s="97">
        <v>4.2493057136824823E-2</v>
      </c>
    </row>
    <row r="74" spans="1:22">
      <c r="A74" s="53" t="s">
        <v>443</v>
      </c>
      <c r="B74" s="83">
        <v>115</v>
      </c>
      <c r="C74" s="98">
        <v>0.29199999999999998</v>
      </c>
      <c r="D74" s="94">
        <v>8.3935874238245639E-2</v>
      </c>
      <c r="E74" s="98">
        <v>0.45200000000000001</v>
      </c>
      <c r="F74" s="94">
        <v>9.127450287808099E-2</v>
      </c>
      <c r="G74" s="98">
        <v>0.255</v>
      </c>
      <c r="H74" s="94">
        <v>8.0740787449286464E-2</v>
      </c>
      <c r="I74" s="83">
        <v>111</v>
      </c>
      <c r="J74" s="98">
        <v>0.878</v>
      </c>
      <c r="K74" s="94">
        <v>6.3761209740017324E-2</v>
      </c>
      <c r="L74" s="98">
        <v>0.113</v>
      </c>
      <c r="M74" s="94">
        <v>6.1986960209112839E-2</v>
      </c>
      <c r="N74" s="98">
        <v>8.0000000000000002E-3</v>
      </c>
      <c r="O74" s="94">
        <v>2.9181517989850952E-2</v>
      </c>
      <c r="P74" s="83">
        <v>112</v>
      </c>
      <c r="Q74" s="98">
        <v>0.85699999999999998</v>
      </c>
      <c r="R74" s="94">
        <v>6.725890317097688E-2</v>
      </c>
      <c r="S74" s="98">
        <v>0.113</v>
      </c>
      <c r="T74" s="94">
        <v>6.1694970489810361E-2</v>
      </c>
      <c r="U74" s="98">
        <v>0.03</v>
      </c>
      <c r="V74" s="94">
        <v>3.8983559427189125E-2</v>
      </c>
    </row>
    <row r="75" spans="1:22">
      <c r="A75" s="49" t="s">
        <v>444</v>
      </c>
      <c r="B75" s="149">
        <v>560</v>
      </c>
      <c r="C75" s="151">
        <v>0.33400000000000002</v>
      </c>
      <c r="D75" s="97">
        <v>3.975398451872756E-2</v>
      </c>
      <c r="E75" s="151">
        <v>0.374</v>
      </c>
      <c r="F75" s="97">
        <v>4.0768190295691079E-2</v>
      </c>
      <c r="G75" s="151">
        <v>0.29099999999999998</v>
      </c>
      <c r="H75" s="97">
        <v>3.8309711333804654E-2</v>
      </c>
      <c r="I75" s="149">
        <v>557</v>
      </c>
      <c r="J75" s="151">
        <v>0.77</v>
      </c>
      <c r="K75" s="97">
        <v>3.5638896619396822E-2</v>
      </c>
      <c r="L75" s="151">
        <v>0.14099999999999999</v>
      </c>
      <c r="M75" s="97">
        <v>2.9608295205511535E-2</v>
      </c>
      <c r="N75" s="151">
        <v>8.8999999999999996E-2</v>
      </c>
      <c r="O75" s="97">
        <v>2.4397081718827703E-2</v>
      </c>
      <c r="P75" s="149">
        <v>558</v>
      </c>
      <c r="Q75" s="151">
        <v>0.83699999999999997</v>
      </c>
      <c r="R75" s="97">
        <v>3.1344928404058912E-2</v>
      </c>
      <c r="S75" s="151">
        <v>9.4E-2</v>
      </c>
      <c r="T75" s="97">
        <v>2.4955771507409377E-2</v>
      </c>
      <c r="U75" s="151">
        <v>6.9000000000000006E-2</v>
      </c>
      <c r="V75" s="97">
        <v>2.1816751282544872E-2</v>
      </c>
    </row>
    <row r="76" spans="1:22">
      <c r="A76" s="45" t="s">
        <v>445</v>
      </c>
      <c r="B76" s="83">
        <v>500</v>
      </c>
      <c r="C76" s="98">
        <v>0.28999999999999998</v>
      </c>
      <c r="D76" s="94">
        <v>4.049272149198125E-2</v>
      </c>
      <c r="E76" s="98">
        <v>0.40899999999999997</v>
      </c>
      <c r="F76" s="94">
        <v>4.3811457771450298E-2</v>
      </c>
      <c r="G76" s="98">
        <v>0.30099999999999999</v>
      </c>
      <c r="H76" s="94">
        <v>4.0924348799497877E-2</v>
      </c>
      <c r="I76" s="83">
        <v>498</v>
      </c>
      <c r="J76" s="98">
        <v>0.79700000000000004</v>
      </c>
      <c r="K76" s="94">
        <v>3.6060056218013052E-2</v>
      </c>
      <c r="L76" s="98">
        <v>0.106</v>
      </c>
      <c r="M76" s="94">
        <v>2.7833887509096655E-2</v>
      </c>
      <c r="N76" s="98">
        <v>9.7000000000000003E-2</v>
      </c>
      <c r="O76" s="94">
        <v>2.6804423687382443E-2</v>
      </c>
      <c r="P76" s="83">
        <v>498</v>
      </c>
      <c r="Q76" s="98">
        <v>0.85</v>
      </c>
      <c r="R76" s="94">
        <v>3.2115877541875691E-2</v>
      </c>
      <c r="S76" s="98">
        <v>5.8999999999999997E-2</v>
      </c>
      <c r="T76" s="94">
        <v>2.1609712845135753E-2</v>
      </c>
      <c r="U76" s="98">
        <v>0.09</v>
      </c>
      <c r="V76" s="94">
        <v>2.5958626538368227E-2</v>
      </c>
    </row>
    <row r="77" spans="1:22" ht="25.5">
      <c r="A77" s="49" t="s">
        <v>450</v>
      </c>
      <c r="B77" s="149">
        <v>111</v>
      </c>
      <c r="C77" s="151">
        <v>0.27500000000000002</v>
      </c>
      <c r="D77" s="97">
        <v>8.3994925621757963E-2</v>
      </c>
      <c r="E77" s="151">
        <v>0.38600000000000001</v>
      </c>
      <c r="F77" s="97">
        <v>9.0964368870694229E-2</v>
      </c>
      <c r="G77" s="151">
        <v>0.33900000000000002</v>
      </c>
      <c r="H77" s="97">
        <v>8.8632281880274014E-2</v>
      </c>
      <c r="I77" s="149">
        <v>112</v>
      </c>
      <c r="J77" s="151">
        <v>0.78800000000000003</v>
      </c>
      <c r="K77" s="97">
        <v>7.7164770060492396E-2</v>
      </c>
      <c r="L77" s="151">
        <v>0.114</v>
      </c>
      <c r="M77" s="97">
        <v>6.1896025421800019E-2</v>
      </c>
      <c r="N77" s="151">
        <v>9.7000000000000003E-2</v>
      </c>
      <c r="O77" s="97">
        <v>5.8309077349702337E-2</v>
      </c>
      <c r="P77" s="149">
        <v>112</v>
      </c>
      <c r="Q77" s="151">
        <v>0.84899999999999998</v>
      </c>
      <c r="R77" s="97">
        <v>6.8595325112211475E-2</v>
      </c>
      <c r="S77" s="151">
        <v>6.2E-2</v>
      </c>
      <c r="T77" s="97">
        <v>4.9535256180036513E-2</v>
      </c>
      <c r="U77" s="151">
        <v>8.8999999999999996E-2</v>
      </c>
      <c r="V77" s="97">
        <v>5.6485538834474866E-2</v>
      </c>
    </row>
    <row r="78" spans="1:22">
      <c r="A78" s="53" t="s">
        <v>447</v>
      </c>
      <c r="B78" s="83">
        <v>165</v>
      </c>
      <c r="C78" s="98">
        <v>0.24</v>
      </c>
      <c r="D78" s="94">
        <v>6.6272189349112429E-2</v>
      </c>
      <c r="E78" s="98">
        <v>0.437</v>
      </c>
      <c r="F78" s="94">
        <v>7.6338805413488489E-2</v>
      </c>
      <c r="G78" s="98">
        <v>0.32200000000000001</v>
      </c>
      <c r="H78" s="94">
        <v>7.21271206534016E-2</v>
      </c>
      <c r="I78" s="83">
        <v>164</v>
      </c>
      <c r="J78" s="98">
        <v>0.86</v>
      </c>
      <c r="K78" s="94">
        <v>5.4880380565734466E-2</v>
      </c>
      <c r="L78" s="98">
        <v>0.113</v>
      </c>
      <c r="M78" s="94">
        <v>5.0539459850137247E-2</v>
      </c>
      <c r="N78" s="98">
        <v>2.5999999999999999E-2</v>
      </c>
      <c r="O78" s="94">
        <v>2.9234474836234658E-2</v>
      </c>
      <c r="P78" s="83">
        <v>164</v>
      </c>
      <c r="Q78" s="98">
        <v>0.91900000000000004</v>
      </c>
      <c r="R78" s="94">
        <v>4.437382412731266E-2</v>
      </c>
      <c r="S78" s="98">
        <v>0.06</v>
      </c>
      <c r="T78" s="94">
        <v>3.9493609203369008E-2</v>
      </c>
      <c r="U78" s="98">
        <v>2.1000000000000001E-2</v>
      </c>
      <c r="V78" s="94">
        <v>2.7322889981120573E-2</v>
      </c>
    </row>
    <row r="79" spans="1:22">
      <c r="A79" s="49" t="s">
        <v>446</v>
      </c>
      <c r="B79" s="149">
        <v>104</v>
      </c>
      <c r="C79" s="151">
        <v>0.23400000000000001</v>
      </c>
      <c r="D79" s="97">
        <v>8.2638912500524964E-2</v>
      </c>
      <c r="E79" s="151">
        <v>0.41</v>
      </c>
      <c r="F79" s="97">
        <v>9.4768507210189493E-2</v>
      </c>
      <c r="G79" s="151">
        <v>0.35599999999999998</v>
      </c>
      <c r="H79" s="97">
        <v>9.2450498377270859E-2</v>
      </c>
      <c r="I79" s="149">
        <v>103</v>
      </c>
      <c r="J79" s="151">
        <v>0.878</v>
      </c>
      <c r="K79" s="97">
        <v>6.6304095591646142E-2</v>
      </c>
      <c r="L79" s="151">
        <v>8.6999999999999994E-2</v>
      </c>
      <c r="M79" s="97">
        <v>5.8627750731058262E-2</v>
      </c>
      <c r="N79" s="151">
        <v>3.5000000000000003E-2</v>
      </c>
      <c r="O79" s="97">
        <v>4.3077491695282591E-2</v>
      </c>
      <c r="P79" s="149">
        <v>103</v>
      </c>
      <c r="Q79" s="151">
        <v>0.92600000000000005</v>
      </c>
      <c r="R79" s="97">
        <v>5.5311754002159513E-2</v>
      </c>
      <c r="S79" s="151">
        <v>4.4999999999999998E-2</v>
      </c>
      <c r="T79" s="97">
        <v>4.6630056020034442E-2</v>
      </c>
      <c r="U79" s="151">
        <v>2.9000000000000001E-2</v>
      </c>
      <c r="V79" s="97">
        <v>4.0756959044424987E-2</v>
      </c>
    </row>
    <row r="80" spans="1:22">
      <c r="A80" s="57" t="s">
        <v>451</v>
      </c>
      <c r="B80" s="83">
        <v>57</v>
      </c>
      <c r="C80" s="98">
        <v>0.60099999999999998</v>
      </c>
      <c r="D80" s="94">
        <v>0.12573533811810048</v>
      </c>
      <c r="E80" s="98">
        <v>0.27300000000000002</v>
      </c>
      <c r="F80" s="94">
        <v>0.11594439908111751</v>
      </c>
      <c r="G80" s="98">
        <v>0.126</v>
      </c>
      <c r="H80" s="94">
        <v>9.1568101654725259E-2</v>
      </c>
      <c r="I80" s="83">
        <v>56</v>
      </c>
      <c r="J80" s="98">
        <v>0.501</v>
      </c>
      <c r="K80" s="94">
        <v>0.12909921995346291</v>
      </c>
      <c r="L80" s="98">
        <v>0.33600000000000002</v>
      </c>
      <c r="M80" s="94">
        <v>0.12290120573196331</v>
      </c>
      <c r="N80" s="98">
        <v>0.16200000000000001</v>
      </c>
      <c r="O80" s="94">
        <v>0.10016013252860716</v>
      </c>
      <c r="P80" s="83">
        <v>57</v>
      </c>
      <c r="Q80" s="98">
        <v>0.64600000000000002</v>
      </c>
      <c r="R80" s="94">
        <v>0.12317863448498431</v>
      </c>
      <c r="S80" s="98">
        <v>0.26300000000000001</v>
      </c>
      <c r="T80" s="94">
        <v>0.11479301516937056</v>
      </c>
      <c r="U80" s="98">
        <v>9.0999999999999998E-2</v>
      </c>
      <c r="V80" s="94">
        <v>8.2556765166507104E-2</v>
      </c>
    </row>
    <row r="81" spans="1:22">
      <c r="A81" s="49" t="s">
        <v>448</v>
      </c>
      <c r="B81" s="149">
        <v>96</v>
      </c>
      <c r="C81" s="151">
        <v>0.30099999999999999</v>
      </c>
      <c r="D81" s="97">
        <v>9.2412925156603501E-2</v>
      </c>
      <c r="E81" s="151">
        <v>0.374</v>
      </c>
      <c r="F81" s="97">
        <v>9.7029619890010896E-2</v>
      </c>
      <c r="G81" s="151">
        <v>0.32400000000000001</v>
      </c>
      <c r="H81" s="97">
        <v>9.4117483689269976E-2</v>
      </c>
      <c r="I81" s="149">
        <v>95</v>
      </c>
      <c r="J81" s="151">
        <v>0.84599999999999997</v>
      </c>
      <c r="K81" s="97">
        <v>7.5146344884589725E-2</v>
      </c>
      <c r="L81" s="151">
        <v>0.113</v>
      </c>
      <c r="M81" s="97">
        <v>6.7296734603951039E-2</v>
      </c>
      <c r="N81" s="151">
        <v>0.04</v>
      </c>
      <c r="O81" s="97">
        <v>4.7206212465501142E-2</v>
      </c>
      <c r="P81" s="149">
        <v>95</v>
      </c>
      <c r="Q81" s="151">
        <v>0.89600000000000002</v>
      </c>
      <c r="R81" s="97">
        <v>6.531972647421809E-2</v>
      </c>
      <c r="S81" s="151">
        <v>7.4999999999999997E-2</v>
      </c>
      <c r="T81" s="97">
        <v>5.8145096017829329E-2</v>
      </c>
      <c r="U81" s="151">
        <v>2.9000000000000001E-2</v>
      </c>
      <c r="V81" s="97">
        <v>4.2981505546399415E-2</v>
      </c>
    </row>
    <row r="82" spans="1:22">
      <c r="A82" s="57" t="s">
        <v>449</v>
      </c>
      <c r="B82" s="83">
        <v>123</v>
      </c>
      <c r="C82" s="98">
        <v>0.315</v>
      </c>
      <c r="D82" s="94">
        <v>8.2842598925061101E-2</v>
      </c>
      <c r="E82" s="98">
        <v>0.373</v>
      </c>
      <c r="F82" s="94">
        <v>8.600878914985155E-2</v>
      </c>
      <c r="G82" s="98">
        <v>0.312</v>
      </c>
      <c r="H82" s="94">
        <v>8.2642829334424961E-2</v>
      </c>
      <c r="I82" s="83">
        <v>122</v>
      </c>
      <c r="J82" s="98">
        <v>0.746</v>
      </c>
      <c r="K82" s="94">
        <v>7.8328834126545913E-2</v>
      </c>
      <c r="L82" s="98">
        <v>9.8000000000000004E-2</v>
      </c>
      <c r="M82" s="94">
        <v>5.5917656357835674E-2</v>
      </c>
      <c r="N82" s="98">
        <v>0.156</v>
      </c>
      <c r="O82" s="94">
        <v>6.6442035020946394E-2</v>
      </c>
      <c r="P82" s="83">
        <v>122</v>
      </c>
      <c r="Q82" s="98">
        <v>0.79200000000000004</v>
      </c>
      <c r="R82" s="94">
        <v>7.3476841691121952E-2</v>
      </c>
      <c r="S82" s="98">
        <v>7.8E-2</v>
      </c>
      <c r="T82" s="94">
        <v>5.1344910786032517E-2</v>
      </c>
      <c r="U82" s="98">
        <v>0.13</v>
      </c>
      <c r="V82" s="94">
        <v>6.2145271239808383E-2</v>
      </c>
    </row>
    <row r="83" spans="1:22">
      <c r="A83" s="242"/>
      <c r="B83" s="242"/>
      <c r="C83" s="242"/>
      <c r="D83" s="242"/>
      <c r="E83" s="242"/>
      <c r="F83" s="242"/>
      <c r="G83" s="242"/>
      <c r="H83" s="242"/>
      <c r="I83" s="242"/>
      <c r="J83" s="242"/>
      <c r="K83" s="242"/>
      <c r="L83" s="242"/>
      <c r="M83" s="242"/>
      <c r="N83" s="242"/>
      <c r="O83" s="242"/>
      <c r="P83" s="242"/>
      <c r="Q83" s="242"/>
      <c r="R83" s="242"/>
      <c r="S83" s="242"/>
      <c r="T83" s="242"/>
      <c r="U83" s="242"/>
      <c r="V83" s="242"/>
    </row>
    <row r="84" spans="1:22">
      <c r="A84" s="242"/>
      <c r="B84" s="242"/>
      <c r="C84" s="242"/>
      <c r="D84" s="242"/>
      <c r="E84" s="242"/>
      <c r="F84" s="242"/>
      <c r="G84" s="242"/>
      <c r="H84" s="242"/>
      <c r="I84" s="242"/>
      <c r="J84" s="242"/>
      <c r="K84" s="242"/>
      <c r="L84" s="242"/>
      <c r="M84" s="242"/>
      <c r="N84" s="242"/>
      <c r="O84" s="242"/>
      <c r="P84" s="242"/>
      <c r="Q84" s="242"/>
      <c r="R84" s="242"/>
      <c r="S84" s="242"/>
      <c r="T84" s="242"/>
      <c r="U84" s="242"/>
      <c r="V84" s="242"/>
    </row>
    <row r="85" spans="1:22">
      <c r="A85" s="242"/>
      <c r="B85" s="242"/>
      <c r="C85" s="242"/>
      <c r="D85" s="242"/>
      <c r="E85" s="242"/>
      <c r="F85" s="242"/>
      <c r="G85" s="242"/>
      <c r="H85" s="242"/>
      <c r="I85" s="242"/>
      <c r="J85" s="242"/>
      <c r="K85" s="242"/>
      <c r="L85" s="242"/>
      <c r="M85" s="242"/>
      <c r="N85" s="242"/>
      <c r="O85" s="242"/>
      <c r="P85" s="242"/>
      <c r="Q85" s="242"/>
      <c r="R85" s="242"/>
      <c r="S85" s="242"/>
      <c r="T85" s="242"/>
      <c r="U85" s="242"/>
      <c r="V85" s="242"/>
    </row>
    <row r="86" spans="1:22">
      <c r="A86" s="242"/>
      <c r="B86" s="242"/>
      <c r="C86" s="242"/>
      <c r="D86" s="242"/>
      <c r="E86" s="242"/>
      <c r="F86" s="242"/>
      <c r="G86" s="242"/>
      <c r="H86" s="242"/>
      <c r="I86" s="242"/>
      <c r="J86" s="242"/>
      <c r="K86" s="242"/>
      <c r="L86" s="242"/>
      <c r="M86" s="242"/>
      <c r="N86" s="242"/>
      <c r="O86" s="242"/>
      <c r="P86" s="242"/>
      <c r="Q86" s="242"/>
      <c r="R86" s="242"/>
      <c r="S86" s="242"/>
      <c r="T86" s="242"/>
      <c r="U86" s="242"/>
      <c r="V86" s="242"/>
    </row>
    <row r="87" spans="1:22">
      <c r="A87" s="242"/>
      <c r="B87" s="242"/>
      <c r="C87" s="242"/>
      <c r="D87" s="242"/>
      <c r="E87" s="242"/>
      <c r="F87" s="242"/>
      <c r="G87" s="242"/>
      <c r="H87" s="242"/>
      <c r="I87" s="242"/>
      <c r="J87" s="242"/>
      <c r="K87" s="242"/>
      <c r="L87" s="242"/>
      <c r="M87" s="242"/>
      <c r="N87" s="242"/>
      <c r="O87" s="242"/>
      <c r="P87" s="242"/>
      <c r="Q87" s="242"/>
      <c r="R87" s="242"/>
      <c r="S87" s="242"/>
      <c r="T87" s="242"/>
      <c r="U87" s="242"/>
      <c r="V87" s="242"/>
    </row>
    <row r="88" spans="1:22">
      <c r="A88" s="242"/>
      <c r="B88" s="242"/>
      <c r="C88" s="242"/>
      <c r="D88" s="242"/>
      <c r="E88" s="242"/>
      <c r="F88" s="242"/>
      <c r="G88" s="242"/>
      <c r="H88" s="242"/>
      <c r="I88" s="242"/>
      <c r="J88" s="242"/>
      <c r="K88" s="242"/>
      <c r="L88" s="242"/>
      <c r="M88" s="242"/>
      <c r="N88" s="242"/>
      <c r="O88" s="242"/>
      <c r="P88" s="242"/>
      <c r="Q88" s="242"/>
      <c r="R88" s="242"/>
      <c r="S88" s="242"/>
      <c r="T88" s="242"/>
      <c r="U88" s="242"/>
      <c r="V88" s="242"/>
    </row>
    <row r="89" spans="1:22" s="249" customFormat="1">
      <c r="A89" s="242"/>
      <c r="B89" s="250"/>
      <c r="C89" s="251"/>
      <c r="D89" s="248"/>
      <c r="E89" s="252"/>
      <c r="F89" s="248"/>
      <c r="G89" s="252"/>
      <c r="H89" s="248"/>
      <c r="I89" s="250"/>
      <c r="J89" s="252"/>
      <c r="K89" s="248"/>
      <c r="L89" s="252"/>
      <c r="M89" s="248"/>
      <c r="N89" s="252"/>
      <c r="O89" s="248"/>
    </row>
    <row r="90" spans="1:22" ht="18.75">
      <c r="A90" s="317" t="s">
        <v>230</v>
      </c>
      <c r="B90" s="317"/>
      <c r="C90" s="317"/>
      <c r="D90" s="317"/>
      <c r="E90" s="317"/>
      <c r="F90" s="317"/>
      <c r="G90" s="317"/>
      <c r="H90" s="317"/>
      <c r="I90" s="317"/>
      <c r="J90" s="230"/>
      <c r="K90" s="230"/>
    </row>
    <row r="91" spans="1:22" ht="66.75" customHeight="1">
      <c r="A91" s="364" t="s">
        <v>481</v>
      </c>
      <c r="B91" s="364"/>
      <c r="C91" s="364"/>
      <c r="D91" s="364"/>
      <c r="E91" s="364"/>
      <c r="F91" s="364"/>
      <c r="G91" s="364"/>
      <c r="H91" s="364"/>
      <c r="I91" s="364"/>
      <c r="J91" s="230"/>
      <c r="K91" s="230"/>
    </row>
    <row r="92" spans="1:22" ht="29.25" customHeight="1">
      <c r="A92" s="362" t="s">
        <v>230</v>
      </c>
      <c r="B92" s="362"/>
      <c r="C92" s="362"/>
      <c r="D92" s="362"/>
      <c r="E92" s="366" t="s">
        <v>231</v>
      </c>
      <c r="F92" s="367"/>
      <c r="G92" s="367"/>
      <c r="H92" s="367"/>
      <c r="I92" s="368"/>
    </row>
    <row r="93" spans="1:22" ht="45" customHeight="1">
      <c r="A93" s="37" t="s">
        <v>85</v>
      </c>
      <c r="B93" s="38" t="s">
        <v>86</v>
      </c>
      <c r="C93" s="39" t="s">
        <v>87</v>
      </c>
      <c r="D93" s="40" t="s">
        <v>88</v>
      </c>
      <c r="E93" s="38" t="s">
        <v>86</v>
      </c>
      <c r="F93" s="38" t="s">
        <v>236</v>
      </c>
      <c r="G93" s="89" t="s">
        <v>233</v>
      </c>
      <c r="H93" s="38" t="s">
        <v>237</v>
      </c>
      <c r="I93" s="89" t="s">
        <v>235</v>
      </c>
    </row>
    <row r="94" spans="1:22" ht="84">
      <c r="A94" s="41"/>
      <c r="B94" s="42" t="s">
        <v>89</v>
      </c>
      <c r="C94" s="43" t="s">
        <v>344</v>
      </c>
      <c r="D94" s="44" t="s">
        <v>91</v>
      </c>
      <c r="E94" s="42" t="s">
        <v>89</v>
      </c>
      <c r="F94" s="42" t="s">
        <v>232</v>
      </c>
      <c r="G94" s="91" t="s">
        <v>104</v>
      </c>
      <c r="H94" s="42" t="s">
        <v>234</v>
      </c>
      <c r="I94" s="91" t="s">
        <v>104</v>
      </c>
    </row>
    <row r="95" spans="1:22">
      <c r="A95" s="45" t="s">
        <v>435</v>
      </c>
      <c r="B95" s="143">
        <v>9248</v>
      </c>
      <c r="C95" s="84">
        <v>11.39</v>
      </c>
      <c r="D95" s="85">
        <v>9.8000000000000004E-2</v>
      </c>
      <c r="E95" s="83">
        <v>9248</v>
      </c>
      <c r="F95" s="98">
        <v>0.90700000000000003</v>
      </c>
      <c r="G95" s="94">
        <v>6.0440164559000106E-3</v>
      </c>
      <c r="H95" s="98">
        <v>9.2999999999999999E-2</v>
      </c>
      <c r="I95" s="94">
        <v>6.0440164559000097E-3</v>
      </c>
    </row>
    <row r="96" spans="1:22">
      <c r="A96" s="49" t="s">
        <v>436</v>
      </c>
      <c r="B96" s="49">
        <v>8621</v>
      </c>
      <c r="C96" s="145">
        <v>11.39166</v>
      </c>
      <c r="D96" s="146">
        <v>0.101354736</v>
      </c>
      <c r="E96" s="123">
        <v>8621</v>
      </c>
      <c r="F96" s="147">
        <v>0.90700000000000003</v>
      </c>
      <c r="G96" s="97">
        <v>6.2602351142158766E-3</v>
      </c>
      <c r="H96" s="147">
        <v>9.2899999999999996E-2</v>
      </c>
      <c r="I96" s="97">
        <v>6.2572216945133638E-3</v>
      </c>
    </row>
    <row r="97" spans="1:9">
      <c r="A97" s="53" t="s">
        <v>437</v>
      </c>
      <c r="B97" s="53">
        <v>824</v>
      </c>
      <c r="C97" s="84">
        <v>12.37</v>
      </c>
      <c r="D97" s="85">
        <v>0.3332</v>
      </c>
      <c r="E97" s="83">
        <v>824</v>
      </c>
      <c r="F97" s="98">
        <v>0.87990000000000002</v>
      </c>
      <c r="G97" s="94">
        <v>2.2742738574537093E-2</v>
      </c>
      <c r="H97" s="98">
        <v>0.1201</v>
      </c>
      <c r="I97" s="94">
        <v>2.2742738574537097E-2</v>
      </c>
    </row>
    <row r="98" spans="1:9">
      <c r="A98" s="49" t="s">
        <v>438</v>
      </c>
      <c r="B98" s="49">
        <v>92</v>
      </c>
      <c r="C98" s="145">
        <v>11.76</v>
      </c>
      <c r="D98" s="146">
        <v>0.96039999999999992</v>
      </c>
      <c r="E98" s="123">
        <v>92</v>
      </c>
      <c r="F98" s="147">
        <v>0.90500000000000003</v>
      </c>
      <c r="G98" s="97">
        <v>6.434250292218717E-2</v>
      </c>
      <c r="H98" s="147">
        <v>9.5000000000000001E-2</v>
      </c>
      <c r="I98" s="97">
        <v>6.4342502922187197E-2</v>
      </c>
    </row>
    <row r="99" spans="1:9">
      <c r="A99" s="53" t="s">
        <v>439</v>
      </c>
      <c r="B99" s="53">
        <v>630</v>
      </c>
      <c r="C99" s="84">
        <v>10.84</v>
      </c>
      <c r="D99" s="85">
        <v>0.3528</v>
      </c>
      <c r="E99" s="83">
        <v>630</v>
      </c>
      <c r="F99" s="98">
        <v>0.93</v>
      </c>
      <c r="G99" s="94">
        <v>2.0625206320556869E-2</v>
      </c>
      <c r="H99" s="98">
        <v>7.0000000000000007E-2</v>
      </c>
      <c r="I99" s="94">
        <v>2.0625206320556862E-2</v>
      </c>
    </row>
    <row r="100" spans="1:9">
      <c r="A100" s="49" t="s">
        <v>440</v>
      </c>
      <c r="B100" s="49">
        <v>286</v>
      </c>
      <c r="C100" s="145">
        <v>9.9499999999999993</v>
      </c>
      <c r="D100" s="146">
        <v>0.47039999999999998</v>
      </c>
      <c r="E100" s="123">
        <v>286</v>
      </c>
      <c r="F100" s="147">
        <v>0.95399999999999996</v>
      </c>
      <c r="G100" s="97">
        <v>2.6137763699544986E-2</v>
      </c>
      <c r="H100" s="147">
        <v>4.5999999999999999E-2</v>
      </c>
      <c r="I100" s="97">
        <v>2.6137763699544993E-2</v>
      </c>
    </row>
    <row r="101" spans="1:9">
      <c r="A101" s="53" t="s">
        <v>441</v>
      </c>
      <c r="B101" s="53">
        <v>75</v>
      </c>
      <c r="C101" s="84">
        <v>12.13</v>
      </c>
      <c r="D101" s="85">
        <v>1.1172</v>
      </c>
      <c r="E101" s="83">
        <v>75</v>
      </c>
      <c r="F101" s="98">
        <v>0.79200000000000004</v>
      </c>
      <c r="G101" s="94">
        <v>9.3633202621109884E-2</v>
      </c>
      <c r="H101" s="98">
        <v>0.20799999999999999</v>
      </c>
      <c r="I101" s="94">
        <v>9.3633202621109884E-2</v>
      </c>
    </row>
    <row r="102" spans="1:9">
      <c r="A102" s="49" t="s">
        <v>442</v>
      </c>
      <c r="B102" s="49">
        <v>139</v>
      </c>
      <c r="C102" s="145">
        <v>11.6</v>
      </c>
      <c r="D102" s="146">
        <v>0.78400000000000003</v>
      </c>
      <c r="E102" s="123">
        <v>139</v>
      </c>
      <c r="F102" s="147">
        <v>0.94599999999999995</v>
      </c>
      <c r="G102" s="97">
        <v>4.1663496833870904E-2</v>
      </c>
      <c r="H102" s="147">
        <v>5.3999999999999999E-2</v>
      </c>
      <c r="I102" s="97">
        <v>4.166349683387089E-2</v>
      </c>
    </row>
    <row r="103" spans="1:9">
      <c r="A103" s="53" t="s">
        <v>443</v>
      </c>
      <c r="B103" s="53">
        <v>124</v>
      </c>
      <c r="C103" s="84">
        <v>11.45</v>
      </c>
      <c r="D103" s="85">
        <v>0.78400000000000003</v>
      </c>
      <c r="E103" s="83">
        <v>124</v>
      </c>
      <c r="F103" s="98">
        <v>0.92400000000000004</v>
      </c>
      <c r="G103" s="94">
        <v>5.0399788411014168E-2</v>
      </c>
      <c r="H103" s="98">
        <v>7.5999999999999998E-2</v>
      </c>
      <c r="I103" s="94">
        <v>5.0399788411014182E-2</v>
      </c>
    </row>
    <row r="104" spans="1:9">
      <c r="A104" s="49" t="s">
        <v>444</v>
      </c>
      <c r="B104" s="49">
        <v>604</v>
      </c>
      <c r="C104" s="145">
        <v>11.5</v>
      </c>
      <c r="D104" s="146">
        <v>0.37240000000000001</v>
      </c>
      <c r="E104" s="123">
        <v>604</v>
      </c>
      <c r="F104" s="147">
        <v>0.89400000000000002</v>
      </c>
      <c r="G104" s="97">
        <v>2.5235712468652062E-2</v>
      </c>
      <c r="H104" s="147">
        <v>0.106</v>
      </c>
      <c r="I104" s="97">
        <v>2.5235712468652062E-2</v>
      </c>
    </row>
    <row r="105" spans="1:9">
      <c r="A105" s="45" t="s">
        <v>445</v>
      </c>
      <c r="B105" s="143">
        <v>544</v>
      </c>
      <c r="C105" s="84">
        <v>11.11</v>
      </c>
      <c r="D105" s="85">
        <v>0.37240000000000001</v>
      </c>
      <c r="E105" s="83">
        <v>544</v>
      </c>
      <c r="F105" s="98">
        <v>0.91600000000000004</v>
      </c>
      <c r="G105" s="94">
        <v>2.4083362620997025E-2</v>
      </c>
      <c r="H105" s="98">
        <v>8.4000000000000005E-2</v>
      </c>
      <c r="I105" s="94">
        <v>2.4083362620997036E-2</v>
      </c>
    </row>
    <row r="106" spans="1:9" ht="25.5">
      <c r="A106" s="49" t="s">
        <v>450</v>
      </c>
      <c r="B106" s="144">
        <v>126</v>
      </c>
      <c r="C106" s="145">
        <v>10.85</v>
      </c>
      <c r="D106" s="146">
        <v>0.78400000000000003</v>
      </c>
      <c r="E106" s="123">
        <v>126</v>
      </c>
      <c r="F106" s="147">
        <v>0.93600000000000005</v>
      </c>
      <c r="G106" s="97">
        <v>4.6878646226264691E-2</v>
      </c>
      <c r="H106" s="147">
        <v>6.4000000000000001E-2</v>
      </c>
      <c r="I106" s="97">
        <v>4.6878646226264711E-2</v>
      </c>
    </row>
    <row r="107" spans="1:9">
      <c r="A107" s="53" t="s">
        <v>447</v>
      </c>
      <c r="B107" s="83">
        <v>176</v>
      </c>
      <c r="C107" s="84">
        <v>9.7899999999999991</v>
      </c>
      <c r="D107" s="85">
        <v>0.54880000000000007</v>
      </c>
      <c r="E107" s="83">
        <v>176</v>
      </c>
      <c r="F107" s="98">
        <v>0.94299999999999995</v>
      </c>
      <c r="G107" s="94">
        <v>3.7230890606638894E-2</v>
      </c>
      <c r="H107" s="98">
        <v>5.7000000000000002E-2</v>
      </c>
      <c r="I107" s="94">
        <v>3.7230890606638888E-2</v>
      </c>
    </row>
    <row r="108" spans="1:9">
      <c r="A108" s="49" t="s">
        <v>446</v>
      </c>
      <c r="B108" s="144">
        <v>112</v>
      </c>
      <c r="C108" s="145">
        <v>9.73</v>
      </c>
      <c r="D108" s="146">
        <v>0.68599999999999994</v>
      </c>
      <c r="E108" s="123">
        <v>112</v>
      </c>
      <c r="F108" s="147">
        <v>0.95299999999999996</v>
      </c>
      <c r="G108" s="97">
        <v>4.4990167079839022E-2</v>
      </c>
      <c r="H108" s="147">
        <v>4.7E-2</v>
      </c>
      <c r="I108" s="97">
        <v>4.499016707983898E-2</v>
      </c>
    </row>
    <row r="109" spans="1:9">
      <c r="A109" s="57" t="s">
        <v>451</v>
      </c>
      <c r="B109" s="143">
        <v>57</v>
      </c>
      <c r="C109" s="84">
        <v>16.03</v>
      </c>
      <c r="D109" s="85">
        <v>1.3915999999999999</v>
      </c>
      <c r="E109" s="83">
        <v>57</v>
      </c>
      <c r="F109" s="98">
        <v>0.67300000000000004</v>
      </c>
      <c r="G109" s="94">
        <v>0.12116035234947027</v>
      </c>
      <c r="H109" s="98">
        <v>0.32700000000000001</v>
      </c>
      <c r="I109" s="94">
        <v>0.12116035234947027</v>
      </c>
    </row>
    <row r="110" spans="1:9">
      <c r="A110" s="49" t="s">
        <v>448</v>
      </c>
      <c r="B110" s="144">
        <v>104</v>
      </c>
      <c r="C110" s="145">
        <v>10.36</v>
      </c>
      <c r="D110" s="146">
        <v>0.90160000000000007</v>
      </c>
      <c r="E110" s="123">
        <v>104</v>
      </c>
      <c r="F110" s="147">
        <v>0.91</v>
      </c>
      <c r="G110" s="97">
        <v>5.9042126204670822E-2</v>
      </c>
      <c r="H110" s="147">
        <v>0.09</v>
      </c>
      <c r="I110" s="97">
        <v>5.9042126204670822E-2</v>
      </c>
    </row>
    <row r="111" spans="1:9">
      <c r="A111" s="57" t="s">
        <v>449</v>
      </c>
      <c r="B111" s="143">
        <v>133</v>
      </c>
      <c r="C111" s="84">
        <v>11.92</v>
      </c>
      <c r="D111" s="85">
        <v>0.78400000000000003</v>
      </c>
      <c r="E111" s="83">
        <v>133</v>
      </c>
      <c r="F111" s="98">
        <v>0.91700000000000004</v>
      </c>
      <c r="G111" s="94">
        <v>5.0143405187861693E-2</v>
      </c>
      <c r="H111" s="98">
        <v>8.3000000000000004E-2</v>
      </c>
      <c r="I111" s="94">
        <v>5.0143405187861687E-2</v>
      </c>
    </row>
    <row r="119" spans="1:4" ht="18.75">
      <c r="A119" s="317" t="s">
        <v>430</v>
      </c>
      <c r="B119" s="317"/>
      <c r="C119" s="317"/>
      <c r="D119" s="317"/>
    </row>
    <row r="120" spans="1:4" ht="84.75" customHeight="1">
      <c r="A120" s="361" t="s">
        <v>482</v>
      </c>
      <c r="B120" s="361"/>
      <c r="C120" s="361"/>
      <c r="D120" s="361"/>
    </row>
    <row r="121" spans="1:4" ht="32.25" customHeight="1">
      <c r="A121" s="369" t="s">
        <v>138</v>
      </c>
      <c r="B121" s="362"/>
      <c r="C121" s="362"/>
      <c r="D121" s="362"/>
    </row>
    <row r="122" spans="1:4" ht="37.5" customHeight="1">
      <c r="A122" s="37" t="s">
        <v>85</v>
      </c>
      <c r="B122" s="38" t="s">
        <v>86</v>
      </c>
      <c r="C122" s="39" t="s">
        <v>87</v>
      </c>
      <c r="D122" s="40" t="s">
        <v>88</v>
      </c>
    </row>
    <row r="123" spans="1:4" ht="84">
      <c r="A123" s="41"/>
      <c r="B123" s="42" t="s">
        <v>89</v>
      </c>
      <c r="C123" s="43" t="s">
        <v>139</v>
      </c>
      <c r="D123" s="44" t="s">
        <v>91</v>
      </c>
    </row>
    <row r="124" spans="1:4">
      <c r="A124" s="45" t="s">
        <v>435</v>
      </c>
      <c r="B124" s="299">
        <v>7011</v>
      </c>
      <c r="C124" s="84">
        <v>5.12</v>
      </c>
      <c r="D124" s="85">
        <v>3.9199999999999999E-2</v>
      </c>
    </row>
    <row r="125" spans="1:4">
      <c r="A125" s="49" t="s">
        <v>436</v>
      </c>
      <c r="B125" s="300">
        <v>6498</v>
      </c>
      <c r="C125" s="145">
        <v>5.1043620000000001</v>
      </c>
      <c r="D125" s="146">
        <v>3.7689623999999998E-2</v>
      </c>
    </row>
    <row r="126" spans="1:4">
      <c r="A126" s="53" t="s">
        <v>437</v>
      </c>
      <c r="B126" s="299">
        <v>621</v>
      </c>
      <c r="C126" s="84">
        <v>4.87</v>
      </c>
      <c r="D126" s="85">
        <v>0.1176</v>
      </c>
    </row>
    <row r="127" spans="1:4">
      <c r="A127" s="49" t="s">
        <v>438</v>
      </c>
      <c r="B127" s="300">
        <v>83</v>
      </c>
      <c r="C127" s="145">
        <v>5.0199999999999996</v>
      </c>
      <c r="D127" s="146">
        <v>0.29399999999999998</v>
      </c>
    </row>
    <row r="128" spans="1:4">
      <c r="A128" s="53" t="s">
        <v>439</v>
      </c>
      <c r="B128" s="299">
        <v>414</v>
      </c>
      <c r="C128" s="84">
        <v>5.17</v>
      </c>
      <c r="D128" s="85">
        <v>0.15679999999999999</v>
      </c>
    </row>
    <row r="129" spans="1:4">
      <c r="A129" s="49" t="s">
        <v>440</v>
      </c>
      <c r="B129" s="300">
        <v>176</v>
      </c>
      <c r="C129" s="145">
        <v>5.3</v>
      </c>
      <c r="D129" s="146">
        <v>0.21559999999999999</v>
      </c>
    </row>
    <row r="130" spans="1:4">
      <c r="A130" s="53" t="s">
        <v>441</v>
      </c>
      <c r="B130" s="299">
        <v>45</v>
      </c>
      <c r="C130" s="84">
        <v>4.8499999999999996</v>
      </c>
      <c r="D130" s="85">
        <v>0.49</v>
      </c>
    </row>
    <row r="131" spans="1:4">
      <c r="A131" s="49" t="s">
        <v>442</v>
      </c>
      <c r="B131" s="300">
        <v>94</v>
      </c>
      <c r="C131" s="145">
        <v>5.24</v>
      </c>
      <c r="D131" s="146">
        <v>0.3332</v>
      </c>
    </row>
    <row r="132" spans="1:4">
      <c r="A132" s="53" t="s">
        <v>443</v>
      </c>
      <c r="B132" s="299">
        <v>94</v>
      </c>
      <c r="C132" s="84">
        <v>4.9800000000000004</v>
      </c>
      <c r="D132" s="85">
        <v>0.3332</v>
      </c>
    </row>
    <row r="133" spans="1:4">
      <c r="A133" s="49" t="s">
        <v>444</v>
      </c>
      <c r="B133" s="300">
        <v>486</v>
      </c>
      <c r="C133" s="145">
        <v>5.13</v>
      </c>
      <c r="D133" s="146">
        <v>0.13720000000000002</v>
      </c>
    </row>
    <row r="134" spans="1:4">
      <c r="A134" s="45" t="s">
        <v>445</v>
      </c>
      <c r="B134" s="299">
        <v>427</v>
      </c>
      <c r="C134" s="84">
        <v>5.27</v>
      </c>
      <c r="D134" s="85">
        <v>0.13720000000000002</v>
      </c>
    </row>
    <row r="135" spans="1:4" ht="25.5">
      <c r="A135" s="49" t="s">
        <v>450</v>
      </c>
      <c r="B135" s="300">
        <v>109</v>
      </c>
      <c r="C135" s="145">
        <v>5.4</v>
      </c>
      <c r="D135" s="146">
        <v>0.27440000000000003</v>
      </c>
    </row>
    <row r="136" spans="1:4">
      <c r="A136" s="53" t="s">
        <v>447</v>
      </c>
      <c r="B136" s="299">
        <v>127</v>
      </c>
      <c r="C136" s="84">
        <v>5.6</v>
      </c>
      <c r="D136" s="85">
        <v>0.19600000000000001</v>
      </c>
    </row>
    <row r="137" spans="1:4">
      <c r="A137" s="49" t="s">
        <v>446</v>
      </c>
      <c r="B137" s="300">
        <v>78</v>
      </c>
      <c r="C137" s="145">
        <v>5.64</v>
      </c>
      <c r="D137" s="146">
        <v>0.23519999999999999</v>
      </c>
    </row>
    <row r="138" spans="1:4">
      <c r="A138" s="57" t="s">
        <v>451</v>
      </c>
      <c r="B138" s="299">
        <v>56</v>
      </c>
      <c r="C138" s="84">
        <v>4.47</v>
      </c>
      <c r="D138" s="85">
        <v>0.45080000000000003</v>
      </c>
    </row>
    <row r="139" spans="1:4">
      <c r="A139" s="49" t="s">
        <v>448</v>
      </c>
      <c r="B139" s="300">
        <v>74</v>
      </c>
      <c r="C139" s="145">
        <v>5.52</v>
      </c>
      <c r="D139" s="146">
        <v>0.3528</v>
      </c>
    </row>
    <row r="140" spans="1:4">
      <c r="A140" s="57" t="s">
        <v>449</v>
      </c>
      <c r="B140" s="299">
        <v>113</v>
      </c>
      <c r="C140" s="84">
        <v>4.58</v>
      </c>
      <c r="D140" s="85">
        <v>0.29399999999999998</v>
      </c>
    </row>
    <row r="148" spans="1:26" ht="18.75">
      <c r="A148" s="317" t="s">
        <v>431</v>
      </c>
      <c r="B148" s="317"/>
      <c r="C148" s="317"/>
      <c r="D148" s="317"/>
      <c r="E148" s="317"/>
      <c r="F148" s="317"/>
      <c r="G148" s="317"/>
      <c r="H148" s="317"/>
      <c r="I148" s="317"/>
      <c r="J148" s="317"/>
      <c r="K148" s="317"/>
      <c r="L148" s="317"/>
      <c r="M148" s="317"/>
      <c r="N148" s="317"/>
      <c r="O148" s="317"/>
      <c r="P148" s="317"/>
      <c r="Q148" s="317"/>
      <c r="R148" s="317"/>
      <c r="S148" s="317"/>
      <c r="T148" s="317"/>
      <c r="U148" s="317"/>
      <c r="V148" s="317"/>
    </row>
    <row r="149" spans="1:26" ht="39.75" customHeight="1">
      <c r="A149" s="364" t="s">
        <v>483</v>
      </c>
      <c r="B149" s="364"/>
      <c r="C149" s="364"/>
      <c r="D149" s="364"/>
      <c r="E149" s="364"/>
      <c r="F149" s="364"/>
      <c r="G149" s="364"/>
      <c r="H149" s="364"/>
      <c r="I149" s="364"/>
      <c r="J149" s="364"/>
      <c r="K149" s="364"/>
      <c r="L149" s="364"/>
      <c r="M149" s="364"/>
      <c r="N149" s="364"/>
      <c r="O149" s="364"/>
      <c r="P149" s="364"/>
      <c r="Q149" s="364"/>
      <c r="R149" s="364"/>
      <c r="S149" s="364"/>
      <c r="T149" s="364"/>
      <c r="U149" s="364"/>
      <c r="V149" s="364"/>
    </row>
    <row r="150" spans="1:26" ht="38.25" customHeight="1">
      <c r="A150" s="64" t="s">
        <v>85</v>
      </c>
      <c r="B150" s="363" t="s">
        <v>345</v>
      </c>
      <c r="C150" s="363"/>
      <c r="D150" s="363"/>
      <c r="E150" s="363"/>
      <c r="F150" s="363"/>
      <c r="G150" s="363"/>
      <c r="H150" s="363"/>
      <c r="I150" s="377" t="s">
        <v>238</v>
      </c>
      <c r="J150" s="378"/>
      <c r="K150" s="378"/>
      <c r="L150" s="378"/>
      <c r="M150" s="378"/>
      <c r="N150" s="378"/>
      <c r="O150" s="379"/>
      <c r="P150" s="374" t="s">
        <v>260</v>
      </c>
      <c r="Q150" s="375"/>
      <c r="R150" s="375"/>
      <c r="S150" s="375"/>
      <c r="T150" s="375"/>
      <c r="U150" s="375"/>
      <c r="V150" s="376"/>
    </row>
    <row r="151" spans="1:26" ht="61.5" customHeight="1">
      <c r="A151" s="37" t="s">
        <v>85</v>
      </c>
      <c r="B151" s="38" t="s">
        <v>86</v>
      </c>
      <c r="C151" s="38" t="s">
        <v>178</v>
      </c>
      <c r="D151" s="89" t="s">
        <v>101</v>
      </c>
      <c r="E151" s="38" t="s">
        <v>179</v>
      </c>
      <c r="F151" s="89" t="s">
        <v>102</v>
      </c>
      <c r="G151" s="38" t="s">
        <v>180</v>
      </c>
      <c r="H151" s="89" t="s">
        <v>103</v>
      </c>
      <c r="I151" s="65" t="s">
        <v>86</v>
      </c>
      <c r="J151" s="65" t="s">
        <v>178</v>
      </c>
      <c r="K151" s="88" t="s">
        <v>101</v>
      </c>
      <c r="L151" s="65" t="s">
        <v>179</v>
      </c>
      <c r="M151" s="88" t="s">
        <v>102</v>
      </c>
      <c r="N151" s="65" t="s">
        <v>180</v>
      </c>
      <c r="O151" s="88" t="s">
        <v>103</v>
      </c>
      <c r="P151" s="38" t="s">
        <v>86</v>
      </c>
      <c r="Q151" s="38" t="s">
        <v>178</v>
      </c>
      <c r="R151" s="89" t="s">
        <v>101</v>
      </c>
      <c r="S151" s="38" t="s">
        <v>179</v>
      </c>
      <c r="T151" s="89" t="s">
        <v>102</v>
      </c>
      <c r="U151" s="38" t="s">
        <v>180</v>
      </c>
      <c r="V151" s="89" t="s">
        <v>103</v>
      </c>
      <c r="Z151" s="282"/>
    </row>
    <row r="152" spans="1:26" ht="72" customHeight="1">
      <c r="A152" s="41"/>
      <c r="B152" s="42" t="s">
        <v>89</v>
      </c>
      <c r="C152" s="42" t="s">
        <v>181</v>
      </c>
      <c r="D152" s="91" t="s">
        <v>104</v>
      </c>
      <c r="E152" s="42" t="s">
        <v>182</v>
      </c>
      <c r="F152" s="91" t="s">
        <v>104</v>
      </c>
      <c r="G152" s="42" t="s">
        <v>183</v>
      </c>
      <c r="H152" s="91" t="s">
        <v>104</v>
      </c>
      <c r="I152" s="68" t="s">
        <v>89</v>
      </c>
      <c r="J152" s="68" t="s">
        <v>181</v>
      </c>
      <c r="K152" s="90" t="s">
        <v>104</v>
      </c>
      <c r="L152" s="68" t="s">
        <v>182</v>
      </c>
      <c r="M152" s="90" t="s">
        <v>104</v>
      </c>
      <c r="N152" s="68" t="s">
        <v>183</v>
      </c>
      <c r="O152" s="90" t="s">
        <v>104</v>
      </c>
      <c r="P152" s="42" t="s">
        <v>89</v>
      </c>
      <c r="Q152" s="42" t="s">
        <v>181</v>
      </c>
      <c r="R152" s="91" t="s">
        <v>104</v>
      </c>
      <c r="S152" s="42" t="s">
        <v>182</v>
      </c>
      <c r="T152" s="91" t="s">
        <v>104</v>
      </c>
      <c r="U152" s="42" t="s">
        <v>183</v>
      </c>
      <c r="V152" s="91" t="s">
        <v>104</v>
      </c>
    </row>
    <row r="153" spans="1:26">
      <c r="A153" s="45" t="s">
        <v>435</v>
      </c>
      <c r="B153" s="148">
        <v>9276</v>
      </c>
      <c r="C153" s="150">
        <v>0.13600000000000001</v>
      </c>
      <c r="D153" s="94">
        <v>7.1202175744412774E-3</v>
      </c>
      <c r="E153" s="150">
        <v>0.10299999999999999</v>
      </c>
      <c r="F153" s="94">
        <v>6.3152402057032589E-3</v>
      </c>
      <c r="G153" s="150">
        <v>0.753</v>
      </c>
      <c r="H153" s="94">
        <v>8.9550161314121256E-3</v>
      </c>
      <c r="I153" s="148">
        <v>9217</v>
      </c>
      <c r="J153" s="150">
        <v>0.16600000000000001</v>
      </c>
      <c r="K153" s="94">
        <v>7.7522857540576638E-3</v>
      </c>
      <c r="L153" s="150">
        <v>0.09</v>
      </c>
      <c r="M153" s="94">
        <v>5.9658068230432019E-3</v>
      </c>
      <c r="N153" s="150">
        <v>0.54</v>
      </c>
      <c r="O153" s="94">
        <v>1.0380493327592522E-2</v>
      </c>
      <c r="P153" s="148">
        <v>9217</v>
      </c>
      <c r="Q153" s="150">
        <v>0.114</v>
      </c>
      <c r="R153" s="94">
        <v>6.6235061239835148E-3</v>
      </c>
      <c r="S153" s="150">
        <v>8.2000000000000003E-2</v>
      </c>
      <c r="T153" s="94">
        <v>5.7201313275713596E-3</v>
      </c>
      <c r="U153" s="150">
        <v>0.77</v>
      </c>
      <c r="V153" s="94">
        <v>8.7665312126002475E-3</v>
      </c>
    </row>
    <row r="154" spans="1:26">
      <c r="A154" s="49" t="s">
        <v>436</v>
      </c>
      <c r="B154" s="149">
        <v>9197</v>
      </c>
      <c r="C154" s="151">
        <v>0.14000000000000001</v>
      </c>
      <c r="D154" s="97">
        <v>7.23817059315357E-3</v>
      </c>
      <c r="E154" s="151">
        <v>0.11</v>
      </c>
      <c r="F154" s="97">
        <v>6.5282517544928698E-3</v>
      </c>
      <c r="G154" s="151">
        <v>0.75</v>
      </c>
      <c r="H154" s="97">
        <v>9.0297562676581438E-3</v>
      </c>
      <c r="I154" s="149">
        <v>6503</v>
      </c>
      <c r="J154" s="151">
        <v>0.218</v>
      </c>
      <c r="K154" s="97">
        <v>1.0239899133076573E-2</v>
      </c>
      <c r="L154" s="151">
        <v>0.108</v>
      </c>
      <c r="M154" s="97">
        <v>7.7029874474262927E-3</v>
      </c>
      <c r="N154" s="151">
        <v>0.67300000000000004</v>
      </c>
      <c r="O154" s="97">
        <v>1.1632077679393428E-2</v>
      </c>
      <c r="P154" s="149">
        <v>8245</v>
      </c>
      <c r="Q154" s="151">
        <v>0.122</v>
      </c>
      <c r="R154" s="97">
        <v>7.2116921733752729E-3</v>
      </c>
      <c r="S154" s="151">
        <v>8.4000000000000005E-2</v>
      </c>
      <c r="T154" s="97">
        <v>6.1149053679823836E-3</v>
      </c>
      <c r="U154" s="151">
        <v>0.79300000000000004</v>
      </c>
      <c r="V154" s="97">
        <v>8.9240335224626353E-3</v>
      </c>
    </row>
    <row r="155" spans="1:26">
      <c r="A155" s="53" t="s">
        <v>437</v>
      </c>
      <c r="B155" s="148">
        <v>827</v>
      </c>
      <c r="C155" s="150">
        <v>0.15720000000000001</v>
      </c>
      <c r="D155" s="94">
        <v>2.5360621051829763E-2</v>
      </c>
      <c r="E155" s="150">
        <v>0.1061</v>
      </c>
      <c r="F155" s="94">
        <v>2.153360641377321E-2</v>
      </c>
      <c r="G155" s="150">
        <v>0.73660000000000003</v>
      </c>
      <c r="H155" s="94">
        <v>3.0602301708218295E-2</v>
      </c>
      <c r="I155" s="148">
        <v>621</v>
      </c>
      <c r="J155" s="150">
        <v>0.26379999999999998</v>
      </c>
      <c r="K155" s="94">
        <v>3.5319922306195642E-2</v>
      </c>
      <c r="L155" s="150">
        <v>0.1159</v>
      </c>
      <c r="M155" s="94">
        <v>2.5842546874374733E-2</v>
      </c>
      <c r="N155" s="150">
        <v>0.62029999999999996</v>
      </c>
      <c r="O155" s="94">
        <v>3.8840190316748437E-2</v>
      </c>
      <c r="P155" s="148">
        <v>801</v>
      </c>
      <c r="Q155" s="150">
        <v>0.16539999999999999</v>
      </c>
      <c r="R155" s="94">
        <v>2.6295283895361683E-2</v>
      </c>
      <c r="S155" s="150">
        <v>0.1024</v>
      </c>
      <c r="T155" s="94">
        <v>2.1552348566486808E-2</v>
      </c>
      <c r="U155" s="150">
        <v>0.73219999999999996</v>
      </c>
      <c r="V155" s="94">
        <v>3.1256712932594272E-2</v>
      </c>
    </row>
    <row r="156" spans="1:26">
      <c r="A156" s="49" t="s">
        <v>438</v>
      </c>
      <c r="B156" s="149">
        <v>92</v>
      </c>
      <c r="C156" s="151">
        <v>0.16</v>
      </c>
      <c r="D156" s="97">
        <v>7.7414640865732701E-2</v>
      </c>
      <c r="E156" s="151">
        <v>8.5000000000000006E-2</v>
      </c>
      <c r="F156" s="97">
        <v>6.1856043088375175E-2</v>
      </c>
      <c r="G156" s="151">
        <v>0.748</v>
      </c>
      <c r="H156" s="97">
        <v>8.9794802084984193E-2</v>
      </c>
      <c r="I156" s="149">
        <v>92</v>
      </c>
      <c r="J156" s="151">
        <v>0.19600000000000001</v>
      </c>
      <c r="K156" s="97">
        <v>8.2946993337333838E-2</v>
      </c>
      <c r="L156" s="151">
        <v>0.20100000000000001</v>
      </c>
      <c r="M156" s="97">
        <v>8.3639572288851632E-2</v>
      </c>
      <c r="N156" s="151">
        <v>0.54200000000000004</v>
      </c>
      <c r="O156" s="97">
        <v>0.1017308412552457</v>
      </c>
      <c r="P156" s="149">
        <v>92</v>
      </c>
      <c r="Q156" s="151">
        <v>5.1999999999999998E-2</v>
      </c>
      <c r="R156" s="97">
        <v>5.2310327568945408E-2</v>
      </c>
      <c r="S156" s="151">
        <v>0.126</v>
      </c>
      <c r="T156" s="97">
        <v>7.1162224604407562E-2</v>
      </c>
      <c r="U156" s="151">
        <v>0.80800000000000005</v>
      </c>
      <c r="V156" s="97">
        <v>8.2380377641586289E-2</v>
      </c>
    </row>
    <row r="157" spans="1:26">
      <c r="A157" s="53" t="s">
        <v>439</v>
      </c>
      <c r="B157" s="148">
        <v>631</v>
      </c>
      <c r="C157" s="150">
        <v>0.126</v>
      </c>
      <c r="D157" s="94">
        <v>2.6547318269243874E-2</v>
      </c>
      <c r="E157" s="150">
        <v>0.106</v>
      </c>
      <c r="F157" s="94">
        <v>2.4682368900343688E-2</v>
      </c>
      <c r="G157" s="150">
        <v>0.75700000000000001</v>
      </c>
      <c r="H157" s="94">
        <v>3.4117028104066131E-2</v>
      </c>
      <c r="I157" s="148">
        <v>625</v>
      </c>
      <c r="J157" s="150">
        <v>0.14899999999999999</v>
      </c>
      <c r="K157" s="94">
        <v>2.857071799942007E-2</v>
      </c>
      <c r="L157" s="150">
        <v>8.2000000000000003E-2</v>
      </c>
      <c r="M157" s="94">
        <v>2.2198866880054444E-2</v>
      </c>
      <c r="N157" s="150">
        <v>0.50700000000000001</v>
      </c>
      <c r="O157" s="94">
        <v>3.9868752979003615E-2</v>
      </c>
      <c r="P157" s="148">
        <v>628</v>
      </c>
      <c r="Q157" s="150">
        <v>9.4E-2</v>
      </c>
      <c r="R157" s="94">
        <v>2.3498441733594059E-2</v>
      </c>
      <c r="S157" s="150">
        <v>8.2000000000000003E-2</v>
      </c>
      <c r="T157" s="94">
        <v>2.2144619194406832E-2</v>
      </c>
      <c r="U157" s="150">
        <v>0.77500000000000002</v>
      </c>
      <c r="V157" s="94">
        <v>3.331184161661889E-2</v>
      </c>
    </row>
    <row r="158" spans="1:26">
      <c r="A158" s="49" t="s">
        <v>440</v>
      </c>
      <c r="B158" s="149">
        <v>287</v>
      </c>
      <c r="C158" s="151">
        <v>0.11600000000000001</v>
      </c>
      <c r="D158" s="97">
        <v>3.8273731440428574E-2</v>
      </c>
      <c r="E158" s="151">
        <v>8.2000000000000003E-2</v>
      </c>
      <c r="F158" s="97">
        <v>3.3170681339824822E-2</v>
      </c>
      <c r="G158" s="151">
        <v>0.78300000000000003</v>
      </c>
      <c r="H158" s="97">
        <v>4.8637466231427888E-2</v>
      </c>
      <c r="I158" s="149">
        <v>284</v>
      </c>
      <c r="J158" s="151">
        <v>0.115</v>
      </c>
      <c r="K158" s="97">
        <v>3.8344883826053944E-2</v>
      </c>
      <c r="L158" s="151">
        <v>5.2999999999999999E-2</v>
      </c>
      <c r="M158" s="97">
        <v>2.7814541210294978E-2</v>
      </c>
      <c r="N158" s="151">
        <v>0.54500000000000004</v>
      </c>
      <c r="O158" s="97">
        <v>5.8693040872619638E-2</v>
      </c>
      <c r="P158" s="149">
        <v>285</v>
      </c>
      <c r="Q158" s="151">
        <v>7.5999999999999998E-2</v>
      </c>
      <c r="R158" s="97">
        <v>3.2254622551254712E-2</v>
      </c>
      <c r="S158" s="151">
        <v>7.8E-2</v>
      </c>
      <c r="T158" s="97">
        <v>3.2605759908783123E-2</v>
      </c>
      <c r="U158" s="151">
        <v>0.79300000000000004</v>
      </c>
      <c r="V158" s="97">
        <v>4.8006775319819679E-2</v>
      </c>
    </row>
    <row r="159" spans="1:26">
      <c r="A159" s="53" t="s">
        <v>441</v>
      </c>
      <c r="B159" s="148">
        <v>74</v>
      </c>
      <c r="C159" s="150">
        <v>7.9000000000000001E-2</v>
      </c>
      <c r="D159" s="94">
        <v>6.8114325867803277E-2</v>
      </c>
      <c r="E159" s="150">
        <v>0.20899999999999999</v>
      </c>
      <c r="F159" s="94">
        <v>9.4402719578486158E-2</v>
      </c>
      <c r="G159" s="150">
        <v>0.7</v>
      </c>
      <c r="H159" s="94">
        <v>0.10475793101392745</v>
      </c>
      <c r="I159" s="148">
        <v>73</v>
      </c>
      <c r="J159" s="150">
        <v>0.13600000000000001</v>
      </c>
      <c r="K159" s="94">
        <v>8.2465975498693792E-2</v>
      </c>
      <c r="L159" s="150">
        <v>0.10100000000000001</v>
      </c>
      <c r="M159" s="94">
        <v>7.4523505853933025E-2</v>
      </c>
      <c r="N159" s="150">
        <v>0.442</v>
      </c>
      <c r="O159" s="94">
        <v>0.1132693441872567</v>
      </c>
      <c r="P159" s="148">
        <v>75</v>
      </c>
      <c r="Q159" s="150">
        <v>0.125</v>
      </c>
      <c r="R159" s="94">
        <v>7.8998473685477036E-2</v>
      </c>
      <c r="S159" s="150">
        <v>0.107</v>
      </c>
      <c r="T159" s="94">
        <v>7.4899238792649037E-2</v>
      </c>
      <c r="U159" s="150">
        <v>0.69099999999999995</v>
      </c>
      <c r="V159" s="94">
        <v>0.10484944056604978</v>
      </c>
    </row>
    <row r="160" spans="1:26">
      <c r="A160" s="49" t="s">
        <v>442</v>
      </c>
      <c r="B160" s="149">
        <v>139</v>
      </c>
      <c r="C160" s="151">
        <v>0.111</v>
      </c>
      <c r="D160" s="97">
        <v>5.4715056349856614E-2</v>
      </c>
      <c r="E160" s="151">
        <v>0.13100000000000001</v>
      </c>
      <c r="F160" s="97">
        <v>5.8261494332901592E-2</v>
      </c>
      <c r="G160" s="151">
        <v>0.751</v>
      </c>
      <c r="H160" s="97">
        <v>7.2992812621003947E-2</v>
      </c>
      <c r="I160" s="149">
        <v>138</v>
      </c>
      <c r="J160" s="151">
        <v>0.14199999999999999</v>
      </c>
      <c r="K160" s="97">
        <v>6.027047247527989E-2</v>
      </c>
      <c r="L160" s="151">
        <v>0.11799999999999999</v>
      </c>
      <c r="M160" s="97">
        <v>5.6214198170993442E-2</v>
      </c>
      <c r="N160" s="151">
        <v>0.48299999999999998</v>
      </c>
      <c r="O160" s="97">
        <v>8.3872312806484425E-2</v>
      </c>
      <c r="P160" s="149">
        <v>138</v>
      </c>
      <c r="Q160" s="151">
        <v>0.107</v>
      </c>
      <c r="R160" s="97">
        <v>5.4159336613982839E-2</v>
      </c>
      <c r="S160" s="151">
        <v>0.11700000000000001</v>
      </c>
      <c r="T160" s="97">
        <v>5.6032880756235068E-2</v>
      </c>
      <c r="U160" s="151">
        <v>0.72199999999999998</v>
      </c>
      <c r="V160" s="97">
        <v>7.5703918601723028E-2</v>
      </c>
    </row>
    <row r="161" spans="1:22">
      <c r="A161" s="53" t="s">
        <v>443</v>
      </c>
      <c r="B161" s="148">
        <v>125</v>
      </c>
      <c r="C161" s="150">
        <v>0.185</v>
      </c>
      <c r="D161" s="94">
        <v>6.9735510389985655E-2</v>
      </c>
      <c r="E161" s="150">
        <v>8.4000000000000005E-2</v>
      </c>
      <c r="F161" s="94">
        <v>5.2091084519853642E-2</v>
      </c>
      <c r="G161" s="150">
        <v>0.73</v>
      </c>
      <c r="H161" s="94">
        <v>7.8814817366392398E-2</v>
      </c>
      <c r="I161" s="148">
        <v>124</v>
      </c>
      <c r="J161" s="150">
        <v>0.23899999999999999</v>
      </c>
      <c r="K161" s="94">
        <v>7.6254106054595816E-2</v>
      </c>
      <c r="L161" s="150">
        <v>0.10199999999999999</v>
      </c>
      <c r="M161" s="94">
        <v>5.6275427195665854E-2</v>
      </c>
      <c r="N161" s="150">
        <v>0.47399999999999998</v>
      </c>
      <c r="O161" s="94">
        <v>8.8276127478595173E-2</v>
      </c>
      <c r="P161" s="148">
        <v>124</v>
      </c>
      <c r="Q161" s="150">
        <v>0.104</v>
      </c>
      <c r="R161" s="94">
        <v>5.6687702418326581E-2</v>
      </c>
      <c r="S161" s="150">
        <v>0.04</v>
      </c>
      <c r="T161" s="94">
        <v>4.0085205880333832E-2</v>
      </c>
      <c r="U161" s="150">
        <v>0.83</v>
      </c>
      <c r="V161" s="94">
        <v>6.7961363643192052E-2</v>
      </c>
    </row>
    <row r="162" spans="1:22">
      <c r="A162" s="49" t="s">
        <v>444</v>
      </c>
      <c r="B162" s="149">
        <v>609</v>
      </c>
      <c r="C162" s="151">
        <v>0.16400000000000001</v>
      </c>
      <c r="D162" s="97">
        <v>3.0070341701675968E-2</v>
      </c>
      <c r="E162" s="151">
        <v>6.0999999999999999E-2</v>
      </c>
      <c r="F162" s="97">
        <v>1.9751459466826628E-2</v>
      </c>
      <c r="G162" s="151">
        <v>0.76900000000000002</v>
      </c>
      <c r="H162" s="97">
        <v>3.4136304009455193E-2</v>
      </c>
      <c r="I162" s="149">
        <v>605</v>
      </c>
      <c r="J162" s="151">
        <v>0.17799999999999999</v>
      </c>
      <c r="K162" s="97">
        <v>3.1143879256607082E-2</v>
      </c>
      <c r="L162" s="151">
        <v>5.7000000000000002E-2</v>
      </c>
      <c r="M162" s="97">
        <v>1.9233338136269325E-2</v>
      </c>
      <c r="N162" s="151">
        <v>0.58199999999999996</v>
      </c>
      <c r="O162" s="97">
        <v>3.9980622427089565E-2</v>
      </c>
      <c r="P162" s="149">
        <v>607</v>
      </c>
      <c r="Q162" s="151">
        <v>0.11</v>
      </c>
      <c r="R162" s="97">
        <v>2.5571691920149825E-2</v>
      </c>
      <c r="S162" s="151">
        <v>8.8999999999999996E-2</v>
      </c>
      <c r="T162" s="97">
        <v>2.3350105839796829E-2</v>
      </c>
      <c r="U162" s="151">
        <v>0.75600000000000001</v>
      </c>
      <c r="V162" s="97">
        <v>3.4831300055155612E-2</v>
      </c>
    </row>
    <row r="163" spans="1:22">
      <c r="A163" s="45" t="s">
        <v>445</v>
      </c>
      <c r="B163" s="148">
        <v>544</v>
      </c>
      <c r="C163" s="150">
        <v>0.158</v>
      </c>
      <c r="D163" s="94">
        <v>3.1360544261589941E-2</v>
      </c>
      <c r="E163" s="150">
        <v>6.4000000000000001E-2</v>
      </c>
      <c r="F163" s="94">
        <v>2.1387798536994289E-2</v>
      </c>
      <c r="G163" s="150">
        <v>0.77900000000000003</v>
      </c>
      <c r="H163" s="94">
        <v>3.5565424204932208E-2</v>
      </c>
      <c r="I163" s="148">
        <v>427</v>
      </c>
      <c r="J163" s="150">
        <v>0.20300000000000001</v>
      </c>
      <c r="K163" s="94">
        <v>3.8944388024527384E-2</v>
      </c>
      <c r="L163" s="150">
        <v>5.6000000000000001E-2</v>
      </c>
      <c r="M163" s="94">
        <v>2.2900198509235348E-2</v>
      </c>
      <c r="N163" s="150">
        <v>0.74199999999999999</v>
      </c>
      <c r="O163" s="94">
        <v>4.2269491233833688E-2</v>
      </c>
      <c r="P163" s="148">
        <v>519</v>
      </c>
      <c r="Q163" s="150">
        <v>0.121</v>
      </c>
      <c r="R163" s="94">
        <v>2.8813076385221705E-2</v>
      </c>
      <c r="S163" s="150">
        <v>7.1999999999999995E-2</v>
      </c>
      <c r="T163" s="94">
        <v>2.3073137422127174E-2</v>
      </c>
      <c r="U163" s="150">
        <v>0.80700000000000005</v>
      </c>
      <c r="V163" s="94">
        <v>3.467270119712914E-2</v>
      </c>
    </row>
    <row r="164" spans="1:22" ht="25.5">
      <c r="A164" s="49" t="s">
        <v>450</v>
      </c>
      <c r="B164" s="149">
        <v>126</v>
      </c>
      <c r="C164" s="151">
        <v>0.107</v>
      </c>
      <c r="D164" s="97">
        <v>5.6815309405077778E-2</v>
      </c>
      <c r="E164" s="151">
        <v>9.6000000000000002E-2</v>
      </c>
      <c r="F164" s="97">
        <v>5.4539622157387113E-2</v>
      </c>
      <c r="G164" s="151">
        <v>0.79700000000000004</v>
      </c>
      <c r="H164" s="97">
        <v>7.1712188573396257E-2</v>
      </c>
      <c r="I164" s="149">
        <v>124</v>
      </c>
      <c r="J164" s="151">
        <v>0.13600000000000001</v>
      </c>
      <c r="K164" s="97">
        <v>6.2663687993675818E-2</v>
      </c>
      <c r="L164" s="151">
        <v>0.10100000000000001</v>
      </c>
      <c r="M164" s="97">
        <v>5.6067368175882148E-2</v>
      </c>
      <c r="N164" s="151">
        <v>0.67100000000000004</v>
      </c>
      <c r="O164" s="97">
        <v>8.3396269182878E-2</v>
      </c>
      <c r="P164" s="149">
        <v>126</v>
      </c>
      <c r="Q164" s="151">
        <v>0.127</v>
      </c>
      <c r="R164" s="97">
        <v>6.0587143813257437E-2</v>
      </c>
      <c r="S164" s="151">
        <v>9.0999999999999998E-2</v>
      </c>
      <c r="T164" s="97">
        <v>5.3451586387981961E-2</v>
      </c>
      <c r="U164" s="151">
        <v>0.76</v>
      </c>
      <c r="V164" s="97">
        <v>7.5751821506406442E-2</v>
      </c>
    </row>
    <row r="165" spans="1:22">
      <c r="A165" s="53" t="s">
        <v>447</v>
      </c>
      <c r="B165" s="148">
        <v>177</v>
      </c>
      <c r="C165" s="150">
        <v>0.108</v>
      </c>
      <c r="D165" s="94">
        <v>4.7722200660518389E-2</v>
      </c>
      <c r="E165" s="150">
        <v>3.1E-2</v>
      </c>
      <c r="F165" s="94">
        <v>2.9602750121802301E-2</v>
      </c>
      <c r="G165" s="150">
        <v>0.83399999999999996</v>
      </c>
      <c r="H165" s="94">
        <v>5.6278739907417011E-2</v>
      </c>
      <c r="I165" s="148">
        <v>177</v>
      </c>
      <c r="J165" s="150">
        <v>7.8E-2</v>
      </c>
      <c r="K165" s="94">
        <v>4.1968191681621705E-2</v>
      </c>
      <c r="L165" s="150">
        <v>2.4E-2</v>
      </c>
      <c r="M165" s="94">
        <v>2.7138992513783936E-2</v>
      </c>
      <c r="N165" s="150">
        <v>0.58899999999999997</v>
      </c>
      <c r="O165" s="94">
        <v>7.3194696988922225E-2</v>
      </c>
      <c r="P165" s="148">
        <v>175</v>
      </c>
      <c r="Q165" s="150">
        <v>6.7000000000000004E-2</v>
      </c>
      <c r="R165" s="94">
        <v>3.9775001864044181E-2</v>
      </c>
      <c r="S165" s="150">
        <v>5.1999999999999998E-2</v>
      </c>
      <c r="T165" s="94">
        <v>3.6052657821164756E-2</v>
      </c>
      <c r="U165" s="150">
        <v>0.78500000000000003</v>
      </c>
      <c r="V165" s="94">
        <v>6.2062251513510081E-2</v>
      </c>
    </row>
    <row r="166" spans="1:22">
      <c r="A166" s="49" t="s">
        <v>446</v>
      </c>
      <c r="B166" s="149">
        <v>112</v>
      </c>
      <c r="C166" s="151">
        <v>0.107</v>
      </c>
      <c r="D166" s="97">
        <v>6.0463441774491734E-2</v>
      </c>
      <c r="E166" s="151">
        <v>3.3000000000000002E-2</v>
      </c>
      <c r="F166" s="97">
        <v>4.012579342572805E-2</v>
      </c>
      <c r="G166" s="151">
        <v>0.82299999999999995</v>
      </c>
      <c r="H166" s="97">
        <v>7.2573874357989232E-2</v>
      </c>
      <c r="I166" s="149">
        <v>112</v>
      </c>
      <c r="J166" s="151">
        <v>8.5999999999999993E-2</v>
      </c>
      <c r="K166" s="97">
        <v>5.5776837843657216E-2</v>
      </c>
      <c r="L166" s="151">
        <v>2.3E-2</v>
      </c>
      <c r="M166" s="97">
        <v>3.6147260779311539E-2</v>
      </c>
      <c r="N166" s="151">
        <v>0.58399999999999996</v>
      </c>
      <c r="O166" s="97">
        <v>9.1618066031603135E-2</v>
      </c>
      <c r="P166" s="149">
        <v>110</v>
      </c>
      <c r="Q166" s="151">
        <v>8.1000000000000003E-2</v>
      </c>
      <c r="R166" s="97">
        <v>5.5105299071267197E-2</v>
      </c>
      <c r="S166" s="151">
        <v>4.8000000000000001E-2</v>
      </c>
      <c r="T166" s="97">
        <v>4.5799561147333995E-2</v>
      </c>
      <c r="U166" s="151">
        <v>0.78600000000000003</v>
      </c>
      <c r="V166" s="97">
        <v>7.8101006842557497E-2</v>
      </c>
    </row>
    <row r="167" spans="1:22">
      <c r="A167" s="57" t="s">
        <v>451</v>
      </c>
      <c r="B167" s="148">
        <v>58</v>
      </c>
      <c r="C167" s="150">
        <v>0.29099999999999998</v>
      </c>
      <c r="D167" s="94">
        <v>0.1168879925090245</v>
      </c>
      <c r="E167" s="150">
        <v>4.1000000000000002E-2</v>
      </c>
      <c r="F167" s="94">
        <v>6.5069055686931471E-2</v>
      </c>
      <c r="G167" s="150">
        <v>0.66700000000000004</v>
      </c>
      <c r="H167" s="94">
        <v>0.1206416975469211</v>
      </c>
      <c r="I167" s="148">
        <v>58</v>
      </c>
      <c r="J167" s="150">
        <v>0.36</v>
      </c>
      <c r="K167" s="94">
        <v>0.12256596658924598</v>
      </c>
      <c r="L167" s="150">
        <v>6.9000000000000006E-2</v>
      </c>
      <c r="M167" s="94">
        <v>7.5106360084204488E-2</v>
      </c>
      <c r="N167" s="150">
        <v>0.54600000000000004</v>
      </c>
      <c r="O167" s="94">
        <v>0.12652890139458484</v>
      </c>
      <c r="P167" s="148">
        <v>58</v>
      </c>
      <c r="Q167" s="150">
        <v>0.152</v>
      </c>
      <c r="R167" s="94">
        <v>9.6392426304910836E-2</v>
      </c>
      <c r="S167" s="150">
        <v>0.13900000000000001</v>
      </c>
      <c r="T167" s="94">
        <v>9.3654193636127411E-2</v>
      </c>
      <c r="U167" s="150">
        <v>0.70899999999999996</v>
      </c>
      <c r="V167" s="94">
        <v>0.11688799250902451</v>
      </c>
    </row>
    <row r="168" spans="1:22">
      <c r="A168" s="49" t="s">
        <v>448</v>
      </c>
      <c r="B168" s="149">
        <v>106</v>
      </c>
      <c r="C168" s="151">
        <v>9.8000000000000004E-2</v>
      </c>
      <c r="D168" s="97">
        <v>6.0282766101145434E-2</v>
      </c>
      <c r="E168" s="151">
        <v>6.2E-2</v>
      </c>
      <c r="F168" s="97">
        <v>5.1116484760544527E-2</v>
      </c>
      <c r="G168" s="151">
        <v>0.84</v>
      </c>
      <c r="H168" s="97">
        <v>7.2023837776906893E-2</v>
      </c>
      <c r="I168" s="149">
        <v>105</v>
      </c>
      <c r="J168" s="151">
        <v>0.13</v>
      </c>
      <c r="K168" s="97">
        <v>6.7174521392173989E-2</v>
      </c>
      <c r="L168" s="151">
        <v>3.4000000000000002E-2</v>
      </c>
      <c r="M168" s="97">
        <v>4.2183354110308838E-2</v>
      </c>
      <c r="N168" s="151">
        <v>0.51700000000000002</v>
      </c>
      <c r="O168" s="97">
        <v>9.5731241114750384E-2</v>
      </c>
      <c r="P168" s="149">
        <v>106</v>
      </c>
      <c r="Q168" s="151">
        <v>4.3999999999999997E-2</v>
      </c>
      <c r="R168" s="97">
        <v>4.549192195528317E-2</v>
      </c>
      <c r="S168" s="151">
        <v>5.1999999999999998E-2</v>
      </c>
      <c r="T168" s="97">
        <v>4.810112863028411E-2</v>
      </c>
      <c r="U168" s="151">
        <v>0.86399999999999999</v>
      </c>
      <c r="V168" s="97">
        <v>6.7947806548304179E-2</v>
      </c>
    </row>
    <row r="169" spans="1:22">
      <c r="A169" s="57" t="s">
        <v>449</v>
      </c>
      <c r="B169" s="148">
        <v>134</v>
      </c>
      <c r="C169" s="150">
        <v>0.29499999999999998</v>
      </c>
      <c r="D169" s="94">
        <v>7.8088749987785561E-2</v>
      </c>
      <c r="E169" s="150">
        <v>4.2000000000000003E-2</v>
      </c>
      <c r="F169" s="94">
        <v>3.8905309290583785E-2</v>
      </c>
      <c r="G169" s="150">
        <v>0.66300000000000003</v>
      </c>
      <c r="H169" s="94">
        <v>8.0748116087476091E-2</v>
      </c>
      <c r="I169" s="148">
        <v>133</v>
      </c>
      <c r="J169" s="150">
        <v>0.28199999999999997</v>
      </c>
      <c r="K169" s="94">
        <v>7.740510768472797E-2</v>
      </c>
      <c r="L169" s="150">
        <v>4.8000000000000001E-2</v>
      </c>
      <c r="M169" s="94">
        <v>4.0956447459317695E-2</v>
      </c>
      <c r="N169" s="150">
        <v>0.51900000000000002</v>
      </c>
      <c r="O169" s="94">
        <v>8.5377610793647751E-2</v>
      </c>
      <c r="P169" s="148">
        <v>134</v>
      </c>
      <c r="Q169" s="150">
        <v>0.16800000000000001</v>
      </c>
      <c r="R169" s="94">
        <v>6.5069236558232213E-2</v>
      </c>
      <c r="S169" s="150">
        <v>7.3999999999999996E-2</v>
      </c>
      <c r="T169" s="94">
        <v>4.781967305333569E-2</v>
      </c>
      <c r="U169" s="150">
        <v>0.70899999999999996</v>
      </c>
      <c r="V169" s="94">
        <v>7.7798426434525503E-2</v>
      </c>
    </row>
    <row r="177" spans="1:10" ht="19.5" customHeight="1">
      <c r="A177" s="325" t="s">
        <v>4</v>
      </c>
      <c r="B177" s="325"/>
      <c r="C177" s="325"/>
      <c r="D177" s="325"/>
      <c r="E177" s="325"/>
      <c r="F177" s="325"/>
      <c r="G177" s="325"/>
      <c r="H177" s="325"/>
      <c r="I177" s="325"/>
      <c r="J177" s="325"/>
    </row>
    <row r="178" spans="1:10" ht="43.5" customHeight="1">
      <c r="A178" s="382" t="s">
        <v>484</v>
      </c>
      <c r="B178" s="382"/>
      <c r="C178" s="382"/>
      <c r="D178" s="382"/>
      <c r="E178" s="382"/>
      <c r="F178" s="382"/>
      <c r="G178" s="382"/>
      <c r="H178" s="382"/>
      <c r="I178" s="382"/>
      <c r="J178" s="382"/>
    </row>
    <row r="179" spans="1:10" ht="43.5" customHeight="1">
      <c r="A179" s="380" t="s">
        <v>140</v>
      </c>
      <c r="B179" s="381"/>
      <c r="C179" s="381"/>
      <c r="D179" s="381"/>
      <c r="E179" s="381"/>
      <c r="F179" s="381"/>
      <c r="G179" s="381"/>
      <c r="H179" s="381"/>
      <c r="I179" s="381"/>
      <c r="J179" s="381"/>
    </row>
    <row r="180" spans="1:10" ht="39.75" customHeight="1">
      <c r="A180" s="37" t="s">
        <v>85</v>
      </c>
      <c r="B180" s="38" t="s">
        <v>86</v>
      </c>
      <c r="C180" s="38" t="s">
        <v>178</v>
      </c>
      <c r="D180" s="89" t="s">
        <v>101</v>
      </c>
      <c r="E180" s="38" t="s">
        <v>179</v>
      </c>
      <c r="F180" s="89" t="s">
        <v>102</v>
      </c>
      <c r="G180" s="38" t="s">
        <v>180</v>
      </c>
      <c r="H180" s="89" t="s">
        <v>103</v>
      </c>
      <c r="I180" s="38" t="s">
        <v>357</v>
      </c>
      <c r="J180" s="89" t="s">
        <v>356</v>
      </c>
    </row>
    <row r="181" spans="1:10" ht="72">
      <c r="A181" s="41"/>
      <c r="B181" s="42" t="s">
        <v>89</v>
      </c>
      <c r="C181" s="42" t="s">
        <v>181</v>
      </c>
      <c r="D181" s="91" t="s">
        <v>104</v>
      </c>
      <c r="E181" s="42" t="s">
        <v>182</v>
      </c>
      <c r="F181" s="91" t="s">
        <v>104</v>
      </c>
      <c r="G181" s="42" t="s">
        <v>183</v>
      </c>
      <c r="H181" s="91" t="s">
        <v>104</v>
      </c>
      <c r="I181" s="42" t="s">
        <v>357</v>
      </c>
      <c r="J181" s="91" t="s">
        <v>104</v>
      </c>
    </row>
    <row r="182" spans="1:10">
      <c r="A182" s="45" t="s">
        <v>435</v>
      </c>
      <c r="B182" s="152">
        <v>9113</v>
      </c>
      <c r="C182" s="155">
        <v>0.121</v>
      </c>
      <c r="D182" s="94">
        <v>6.8351534005307987E-3</v>
      </c>
      <c r="E182" s="155">
        <v>0.16200000000000001</v>
      </c>
      <c r="F182" s="94">
        <v>7.7204708880824402E-3</v>
      </c>
      <c r="G182" s="155">
        <v>0.68</v>
      </c>
      <c r="H182" s="94">
        <v>9.7715132880957269E-3</v>
      </c>
      <c r="I182" s="155">
        <v>3.6999999999999998E-2</v>
      </c>
      <c r="J182" s="94">
        <v>3.9642508892939075E-3</v>
      </c>
    </row>
    <row r="183" spans="1:10">
      <c r="A183" s="49" t="s">
        <v>436</v>
      </c>
      <c r="B183" s="49">
        <v>8765</v>
      </c>
      <c r="C183" s="154">
        <v>0.123</v>
      </c>
      <c r="D183" s="97">
        <v>7.0188848230340883E-3</v>
      </c>
      <c r="E183" s="154">
        <v>0.16700000000000001</v>
      </c>
      <c r="F183" s="97">
        <v>7.9688108376723028E-3</v>
      </c>
      <c r="G183" s="154">
        <v>0.67400000000000004</v>
      </c>
      <c r="H183" s="97">
        <v>1.0012003621009709E-2</v>
      </c>
      <c r="I183" s="154">
        <v>3.6999999999999998E-2</v>
      </c>
      <c r="J183" s="97">
        <v>4.0425677306913498E-3</v>
      </c>
    </row>
    <row r="184" spans="1:10">
      <c r="A184" s="53" t="s">
        <v>437</v>
      </c>
      <c r="B184" s="53">
        <v>841</v>
      </c>
      <c r="C184" s="155">
        <v>0.14069999999999999</v>
      </c>
      <c r="D184" s="94">
        <v>2.4043632179673178E-2</v>
      </c>
      <c r="E184" s="155">
        <v>0.19089999999999999</v>
      </c>
      <c r="F184" s="94">
        <v>2.7118813432807469E-2</v>
      </c>
      <c r="G184" s="155">
        <v>0.57730000000000004</v>
      </c>
      <c r="H184" s="94">
        <v>3.399137704072034E-2</v>
      </c>
      <c r="I184" s="155">
        <v>9.11E-2</v>
      </c>
      <c r="J184" s="94">
        <v>1.9985793116332456E-2</v>
      </c>
    </row>
    <row r="185" spans="1:10">
      <c r="A185" s="49" t="s">
        <v>438</v>
      </c>
      <c r="B185" s="49">
        <v>90</v>
      </c>
      <c r="C185" s="154">
        <v>0.27600000000000002</v>
      </c>
      <c r="D185" s="97">
        <v>9.3171870577136148E-2</v>
      </c>
      <c r="E185" s="154">
        <v>0.18099999999999999</v>
      </c>
      <c r="F185" s="97">
        <v>8.1662315706662714E-2</v>
      </c>
      <c r="G185" s="154">
        <v>0.52700000000000002</v>
      </c>
      <c r="H185" s="97">
        <v>0.10300417725445282</v>
      </c>
      <c r="I185" s="154">
        <v>1.6E-2</v>
      </c>
      <c r="J185" s="97">
        <v>3.8733402019503392E-2</v>
      </c>
    </row>
    <row r="186" spans="1:10">
      <c r="A186" s="53" t="s">
        <v>439</v>
      </c>
      <c r="B186" s="53">
        <v>575</v>
      </c>
      <c r="C186" s="155">
        <v>0.156</v>
      </c>
      <c r="D186" s="94">
        <v>3.034555071973416E-2</v>
      </c>
      <c r="E186" s="155">
        <v>0.16300000000000001</v>
      </c>
      <c r="F186" s="94">
        <v>3.0876068967197346E-2</v>
      </c>
      <c r="G186" s="155">
        <v>0.58499999999999996</v>
      </c>
      <c r="H186" s="94">
        <v>4.096204759814398E-2</v>
      </c>
      <c r="I186" s="155">
        <v>9.5000000000000001E-2</v>
      </c>
      <c r="J186" s="94">
        <v>2.4689224551401715E-2</v>
      </c>
    </row>
    <row r="187" spans="1:10">
      <c r="A187" s="49" t="s">
        <v>440</v>
      </c>
      <c r="B187" s="49">
        <v>243</v>
      </c>
      <c r="C187" s="154">
        <v>9.6000000000000002E-2</v>
      </c>
      <c r="D187" s="97">
        <v>3.860472244390345E-2</v>
      </c>
      <c r="E187" s="154">
        <v>0.183</v>
      </c>
      <c r="F187" s="97">
        <v>4.9734412132258397E-2</v>
      </c>
      <c r="G187" s="154">
        <v>0.57199999999999995</v>
      </c>
      <c r="H187" s="97">
        <v>6.2986733812660053E-2</v>
      </c>
      <c r="I187" s="154">
        <v>0.14899999999999999</v>
      </c>
      <c r="J187" s="97">
        <v>4.6016544382708365E-2</v>
      </c>
    </row>
    <row r="188" spans="1:10">
      <c r="A188" s="53" t="s">
        <v>441</v>
      </c>
      <c r="B188" s="53">
        <v>71</v>
      </c>
      <c r="C188" s="155">
        <v>0.23599999999999999</v>
      </c>
      <c r="D188" s="94">
        <v>0.10001066439135378</v>
      </c>
      <c r="E188" s="155">
        <v>0.14299999999999999</v>
      </c>
      <c r="F188" s="94">
        <v>8.5098543160268034E-2</v>
      </c>
      <c r="G188" s="155">
        <v>0.58699999999999997</v>
      </c>
      <c r="H188" s="94">
        <v>0.11389277539861781</v>
      </c>
      <c r="I188" s="155">
        <v>3.3000000000000002E-2</v>
      </c>
      <c r="J188" s="94">
        <v>5.3939959027161415E-2</v>
      </c>
    </row>
    <row r="189" spans="1:10">
      <c r="A189" s="49" t="s">
        <v>442</v>
      </c>
      <c r="B189" s="49">
        <v>138</v>
      </c>
      <c r="C189" s="154">
        <v>0.14599999999999999</v>
      </c>
      <c r="D189" s="97">
        <v>6.0895805476590244E-2</v>
      </c>
      <c r="E189" s="154">
        <v>0.16400000000000001</v>
      </c>
      <c r="F189" s="97">
        <v>6.3550967856997514E-2</v>
      </c>
      <c r="G189" s="154">
        <v>0.65500000000000003</v>
      </c>
      <c r="H189" s="97">
        <v>8.0019268357191628E-2</v>
      </c>
      <c r="I189" s="154">
        <v>3.5000000000000003E-2</v>
      </c>
      <c r="J189" s="97">
        <v>3.5912694228756536E-2</v>
      </c>
    </row>
    <row r="190" spans="1:10">
      <c r="A190" s="53" t="s">
        <v>443</v>
      </c>
      <c r="B190" s="53">
        <v>117</v>
      </c>
      <c r="C190" s="155">
        <v>0.26400000000000001</v>
      </c>
      <c r="D190" s="94">
        <v>8.0888764428839188E-2</v>
      </c>
      <c r="E190" s="155">
        <v>0.126</v>
      </c>
      <c r="F190" s="94">
        <v>6.2778408799790769E-2</v>
      </c>
      <c r="G190" s="155">
        <v>0.54100000000000004</v>
      </c>
      <c r="H190" s="94">
        <v>9.062287735224081E-2</v>
      </c>
      <c r="I190" s="155">
        <v>6.8000000000000005E-2</v>
      </c>
      <c r="J190" s="94">
        <v>4.9962243640293232E-2</v>
      </c>
    </row>
    <row r="191" spans="1:10">
      <c r="A191" s="49" t="s">
        <v>444</v>
      </c>
      <c r="B191" s="49">
        <v>602</v>
      </c>
      <c r="C191" s="154">
        <v>0.112</v>
      </c>
      <c r="D191" s="97">
        <v>2.5875663672498571E-2</v>
      </c>
      <c r="E191" s="154">
        <v>0.19500000000000001</v>
      </c>
      <c r="F191" s="97">
        <v>3.2314359356667571E-2</v>
      </c>
      <c r="G191" s="154">
        <v>0.66400000000000003</v>
      </c>
      <c r="H191" s="97">
        <v>3.8405332660711555E-2</v>
      </c>
      <c r="I191" s="154">
        <v>2.9000000000000001E-2</v>
      </c>
      <c r="J191" s="97">
        <v>1.432252921514428E-2</v>
      </c>
    </row>
    <row r="192" spans="1:10">
      <c r="A192" s="45" t="s">
        <v>445</v>
      </c>
      <c r="B192" s="152">
        <v>557</v>
      </c>
      <c r="C192" s="155">
        <v>0.114</v>
      </c>
      <c r="D192" s="94">
        <v>2.7115800444482491E-2</v>
      </c>
      <c r="E192" s="155">
        <v>0.21299999999999999</v>
      </c>
      <c r="F192" s="94">
        <v>3.4692580637091144E-2</v>
      </c>
      <c r="G192" s="155">
        <v>0.66</v>
      </c>
      <c r="H192" s="94">
        <v>4.0032407631033891E-2</v>
      </c>
      <c r="I192" s="155">
        <v>1.4E-2</v>
      </c>
      <c r="J192" s="94">
        <v>1.1061392772200048E-2</v>
      </c>
    </row>
    <row r="193" spans="1:10" ht="25.5">
      <c r="A193" s="49" t="s">
        <v>450</v>
      </c>
      <c r="B193" s="153">
        <v>127</v>
      </c>
      <c r="C193" s="154">
        <v>0.114</v>
      </c>
      <c r="D193" s="97">
        <v>5.7945506501695637E-2</v>
      </c>
      <c r="E193" s="154">
        <v>0.20200000000000001</v>
      </c>
      <c r="F193" s="97">
        <v>7.1309742368508469E-2</v>
      </c>
      <c r="G193" s="154">
        <v>0.65500000000000003</v>
      </c>
      <c r="H193" s="97">
        <v>8.3331358419532015E-2</v>
      </c>
      <c r="I193" s="154">
        <v>2.9000000000000001E-2</v>
      </c>
      <c r="J193" s="97">
        <v>3.559728494779095E-2</v>
      </c>
    </row>
    <row r="194" spans="1:10">
      <c r="A194" s="53" t="s">
        <v>447</v>
      </c>
      <c r="B194" s="83">
        <v>172</v>
      </c>
      <c r="C194" s="155">
        <v>6.2E-2</v>
      </c>
      <c r="D194" s="94">
        <v>3.8957170200973508E-2</v>
      </c>
      <c r="E194" s="155">
        <v>0.17399999999999999</v>
      </c>
      <c r="F194" s="94">
        <v>5.8094717457517771E-2</v>
      </c>
      <c r="G194" s="155">
        <v>0.73399999999999999</v>
      </c>
      <c r="H194" s="94">
        <v>6.7031984569284317E-2</v>
      </c>
      <c r="I194" s="155">
        <v>3.1E-2</v>
      </c>
      <c r="J194" s="94">
        <v>3.012233053193979E-2</v>
      </c>
    </row>
    <row r="195" spans="1:10">
      <c r="A195" s="49" t="s">
        <v>446</v>
      </c>
      <c r="B195" s="153">
        <v>110</v>
      </c>
      <c r="C195" s="154">
        <v>0.02</v>
      </c>
      <c r="D195" s="97">
        <v>3.5285683465775285E-2</v>
      </c>
      <c r="E195" s="154">
        <v>0.17799999999999999</v>
      </c>
      <c r="F195" s="97">
        <v>7.3380627450058883E-2</v>
      </c>
      <c r="G195" s="154">
        <v>0.77</v>
      </c>
      <c r="H195" s="97">
        <v>7.9939898208934795E-2</v>
      </c>
      <c r="I195" s="154">
        <v>3.2000000000000001E-2</v>
      </c>
      <c r="J195" s="97">
        <v>4.0208428152730513E-2</v>
      </c>
    </row>
    <row r="196" spans="1:10">
      <c r="A196" s="57" t="s">
        <v>451</v>
      </c>
      <c r="B196" s="152">
        <v>54</v>
      </c>
      <c r="C196" s="155">
        <v>0.22800000000000001</v>
      </c>
      <c r="D196" s="94">
        <v>0.1132189833616601</v>
      </c>
      <c r="E196" s="155">
        <v>0.159</v>
      </c>
      <c r="F196" s="94">
        <v>0.10143953455599901</v>
      </c>
      <c r="G196" s="155">
        <v>0.52300000000000002</v>
      </c>
      <c r="H196" s="94">
        <v>0.13118595631969113</v>
      </c>
      <c r="I196" s="155">
        <v>0.09</v>
      </c>
      <c r="J196" s="94">
        <v>8.4806750918986831E-2</v>
      </c>
    </row>
    <row r="197" spans="1:10">
      <c r="A197" s="49" t="s">
        <v>448</v>
      </c>
      <c r="B197" s="153">
        <v>106</v>
      </c>
      <c r="C197" s="154">
        <v>0.123</v>
      </c>
      <c r="D197" s="97">
        <v>6.5510503077931465E-2</v>
      </c>
      <c r="E197" s="154">
        <v>0.13600000000000001</v>
      </c>
      <c r="F197" s="97">
        <v>6.7947806548304193E-2</v>
      </c>
      <c r="G197" s="154">
        <v>0.74</v>
      </c>
      <c r="H197" s="97">
        <v>8.4533570656834242E-2</v>
      </c>
      <c r="I197" s="154">
        <v>0</v>
      </c>
      <c r="J197" s="97">
        <v>2.5478147263468021E-2</v>
      </c>
    </row>
    <row r="198" spans="1:10">
      <c r="A198" s="57" t="s">
        <v>449</v>
      </c>
      <c r="B198" s="152">
        <v>135</v>
      </c>
      <c r="C198" s="155">
        <v>8.5999999999999993E-2</v>
      </c>
      <c r="D198" s="94">
        <v>5.0415991089680451E-2</v>
      </c>
      <c r="E198" s="155">
        <v>0.248</v>
      </c>
      <c r="F198" s="94">
        <v>7.3962525586607708E-2</v>
      </c>
      <c r="G198" s="155">
        <v>0.65600000000000003</v>
      </c>
      <c r="H198" s="94">
        <v>8.0831021913489995E-2</v>
      </c>
      <c r="I198" s="155">
        <v>0.01</v>
      </c>
      <c r="J198" s="94">
        <v>2.6015974477057412E-2</v>
      </c>
    </row>
  </sheetData>
  <mergeCells count="28">
    <mergeCell ref="B150:H150"/>
    <mergeCell ref="P150:V150"/>
    <mergeCell ref="I150:O150"/>
    <mergeCell ref="A179:J179"/>
    <mergeCell ref="A178:J178"/>
    <mergeCell ref="A177:J177"/>
    <mergeCell ref="A149:V149"/>
    <mergeCell ref="A5:D5"/>
    <mergeCell ref="A92:D92"/>
    <mergeCell ref="A119:D119"/>
    <mergeCell ref="A120:D120"/>
    <mergeCell ref="E92:I92"/>
    <mergeCell ref="A91:I91"/>
    <mergeCell ref="A121:D121"/>
    <mergeCell ref="A33:K33"/>
    <mergeCell ref="A32:K32"/>
    <mergeCell ref="E34:K34"/>
    <mergeCell ref="A148:V148"/>
    <mergeCell ref="A3:O3"/>
    <mergeCell ref="A4:O4"/>
    <mergeCell ref="E5:O5"/>
    <mergeCell ref="A90:I90"/>
    <mergeCell ref="A34:D34"/>
    <mergeCell ref="B63:H63"/>
    <mergeCell ref="I63:O63"/>
    <mergeCell ref="A61:V61"/>
    <mergeCell ref="A62:V62"/>
    <mergeCell ref="P63:V63"/>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C118"/>
  <sheetViews>
    <sheetView zoomScaleNormal="100" workbookViewId="0"/>
  </sheetViews>
  <sheetFormatPr defaultColWidth="19.140625" defaultRowHeight="15"/>
  <cols>
    <col min="1" max="1" width="37.42578125" customWidth="1"/>
  </cols>
  <sheetData>
    <row r="1" spans="1:4" ht="31.5">
      <c r="A1" s="33" t="s">
        <v>40</v>
      </c>
    </row>
    <row r="3" spans="1:4" ht="18.75">
      <c r="A3" s="317" t="s">
        <v>11</v>
      </c>
      <c r="B3" s="317"/>
      <c r="C3" s="317"/>
      <c r="D3" s="317"/>
    </row>
    <row r="4" spans="1:4" ht="129.75" customHeight="1">
      <c r="A4" s="383" t="s">
        <v>261</v>
      </c>
      <c r="B4" s="383"/>
      <c r="C4" s="383"/>
      <c r="D4" s="383"/>
    </row>
    <row r="5" spans="1:4" ht="15.75" customHeight="1">
      <c r="A5" s="363" t="s">
        <v>141</v>
      </c>
      <c r="B5" s="363"/>
      <c r="C5" s="363"/>
      <c r="D5" s="363"/>
    </row>
    <row r="6" spans="1:4" ht="72">
      <c r="A6" s="37" t="s">
        <v>85</v>
      </c>
      <c r="B6" s="38" t="s">
        <v>86</v>
      </c>
      <c r="C6" s="39" t="s">
        <v>87</v>
      </c>
      <c r="D6" s="40" t="s">
        <v>88</v>
      </c>
    </row>
    <row r="7" spans="1:4" ht="72">
      <c r="A7" s="41"/>
      <c r="B7" s="42" t="s">
        <v>89</v>
      </c>
      <c r="C7" s="126" t="s">
        <v>142</v>
      </c>
      <c r="D7" s="44" t="s">
        <v>91</v>
      </c>
    </row>
    <row r="8" spans="1:4">
      <c r="A8" s="45" t="s">
        <v>435</v>
      </c>
      <c r="B8" s="156">
        <v>9254</v>
      </c>
      <c r="C8" s="157">
        <v>4.63</v>
      </c>
      <c r="D8" s="86">
        <v>1.9599999999999999E-2</v>
      </c>
    </row>
    <row r="9" spans="1:4">
      <c r="A9" s="49" t="s">
        <v>436</v>
      </c>
      <c r="B9" s="49">
        <v>8632</v>
      </c>
      <c r="C9" s="159">
        <v>4.58</v>
      </c>
      <c r="D9" s="87">
        <v>3.9199999999999999E-2</v>
      </c>
    </row>
    <row r="10" spans="1:4">
      <c r="A10" s="53" t="s">
        <v>437</v>
      </c>
      <c r="B10" s="53">
        <v>811</v>
      </c>
      <c r="C10" s="157">
        <v>4.53</v>
      </c>
      <c r="D10" s="86">
        <v>9.8000000000000004E-2</v>
      </c>
    </row>
    <row r="11" spans="1:4">
      <c r="A11" s="49" t="s">
        <v>438</v>
      </c>
      <c r="B11" s="49">
        <v>92</v>
      </c>
      <c r="C11" s="159">
        <v>4.2699999999999996</v>
      </c>
      <c r="D11" s="87">
        <v>0.31359999999999999</v>
      </c>
    </row>
    <row r="12" spans="1:4">
      <c r="A12" s="53" t="s">
        <v>439</v>
      </c>
      <c r="B12" s="53">
        <v>610</v>
      </c>
      <c r="C12" s="157">
        <v>4.4800000000000004</v>
      </c>
      <c r="D12" s="86">
        <v>0.1176</v>
      </c>
    </row>
    <row r="13" spans="1:4">
      <c r="A13" s="49" t="s">
        <v>440</v>
      </c>
      <c r="B13" s="49">
        <v>270</v>
      </c>
      <c r="C13" s="159">
        <v>4.74</v>
      </c>
      <c r="D13" s="87">
        <v>0.15679999999999999</v>
      </c>
    </row>
    <row r="14" spans="1:4">
      <c r="A14" s="53" t="s">
        <v>441</v>
      </c>
      <c r="B14" s="53">
        <v>70</v>
      </c>
      <c r="C14" s="157">
        <v>4.5</v>
      </c>
      <c r="D14" s="86">
        <v>0.3332</v>
      </c>
    </row>
    <row r="15" spans="1:4">
      <c r="A15" s="49" t="s">
        <v>442</v>
      </c>
      <c r="B15" s="49">
        <v>142</v>
      </c>
      <c r="C15" s="159">
        <v>4.3499999999999996</v>
      </c>
      <c r="D15" s="87">
        <v>0.21559999999999999</v>
      </c>
    </row>
    <row r="16" spans="1:4">
      <c r="A16" s="53" t="s">
        <v>443</v>
      </c>
      <c r="B16" s="53">
        <v>122</v>
      </c>
      <c r="C16" s="157">
        <v>4.01</v>
      </c>
      <c r="D16" s="86">
        <v>0.27440000000000003</v>
      </c>
    </row>
    <row r="17" spans="1:29">
      <c r="A17" s="49" t="s">
        <v>444</v>
      </c>
      <c r="B17" s="49">
        <v>609</v>
      </c>
      <c r="C17" s="159">
        <v>4.74</v>
      </c>
      <c r="D17" s="87">
        <v>0.1176</v>
      </c>
    </row>
    <row r="18" spans="1:29">
      <c r="A18" s="45" t="s">
        <v>445</v>
      </c>
      <c r="B18" s="156">
        <v>549</v>
      </c>
      <c r="C18" s="157">
        <v>4.74</v>
      </c>
      <c r="D18" s="86">
        <v>0.1176</v>
      </c>
    </row>
    <row r="19" spans="1:29" ht="25.5">
      <c r="A19" s="49" t="s">
        <v>450</v>
      </c>
      <c r="B19" s="158">
        <v>127</v>
      </c>
      <c r="C19" s="159">
        <v>4.5199999999999996</v>
      </c>
      <c r="D19" s="87">
        <v>0.23519999999999999</v>
      </c>
    </row>
    <row r="20" spans="1:29">
      <c r="A20" s="53" t="s">
        <v>447</v>
      </c>
      <c r="B20" s="83">
        <v>176</v>
      </c>
      <c r="C20" s="157">
        <v>5.14</v>
      </c>
      <c r="D20" s="86">
        <v>0.19600000000000001</v>
      </c>
    </row>
    <row r="21" spans="1:29">
      <c r="A21" s="49" t="s">
        <v>446</v>
      </c>
      <c r="B21" s="158">
        <v>111</v>
      </c>
      <c r="C21" s="159">
        <v>5.2</v>
      </c>
      <c r="D21" s="87">
        <v>0.23519999999999999</v>
      </c>
    </row>
    <row r="22" spans="1:29">
      <c r="A22" s="57" t="s">
        <v>451</v>
      </c>
      <c r="B22" s="156">
        <v>58</v>
      </c>
      <c r="C22" s="157">
        <v>4.26</v>
      </c>
      <c r="D22" s="86">
        <v>0.3332</v>
      </c>
    </row>
    <row r="23" spans="1:29">
      <c r="A23" s="49" t="s">
        <v>448</v>
      </c>
      <c r="B23" s="158">
        <v>105</v>
      </c>
      <c r="C23" s="159">
        <v>4.99</v>
      </c>
      <c r="D23" s="87">
        <v>0.27440000000000003</v>
      </c>
    </row>
    <row r="24" spans="1:29">
      <c r="A24" s="57" t="s">
        <v>449</v>
      </c>
      <c r="B24" s="156">
        <v>136</v>
      </c>
      <c r="C24" s="157">
        <v>4.66</v>
      </c>
      <c r="D24" s="86">
        <v>0.23519999999999999</v>
      </c>
    </row>
    <row r="32" spans="1:29" ht="18.75">
      <c r="A32" s="325" t="s">
        <v>43</v>
      </c>
      <c r="B32" s="325"/>
      <c r="C32" s="325"/>
      <c r="D32" s="325"/>
      <c r="E32" s="325"/>
      <c r="F32" s="325"/>
      <c r="G32" s="325"/>
      <c r="H32" s="325"/>
      <c r="I32" s="325"/>
      <c r="J32" s="325"/>
      <c r="K32" s="325"/>
      <c r="L32" s="325"/>
      <c r="M32" s="325"/>
      <c r="N32" s="325"/>
      <c r="O32" s="325"/>
      <c r="P32" s="325"/>
      <c r="Q32" s="325"/>
      <c r="R32" s="325"/>
      <c r="S32" s="325"/>
      <c r="T32" s="227"/>
      <c r="U32" s="227"/>
      <c r="V32" s="227"/>
      <c r="W32" s="227"/>
      <c r="X32" s="227"/>
      <c r="Y32" s="227"/>
      <c r="Z32" s="227"/>
      <c r="AA32" s="227"/>
      <c r="AB32" s="227"/>
      <c r="AC32" s="227"/>
    </row>
    <row r="33" spans="1:29" ht="60.75" customHeight="1">
      <c r="A33" s="382" t="s">
        <v>380</v>
      </c>
      <c r="B33" s="382"/>
      <c r="C33" s="382"/>
      <c r="D33" s="382"/>
      <c r="E33" s="382"/>
      <c r="F33" s="382"/>
      <c r="G33" s="382"/>
      <c r="H33" s="382"/>
      <c r="I33" s="382"/>
      <c r="J33" s="382"/>
      <c r="K33" s="382"/>
      <c r="L33" s="382"/>
      <c r="M33" s="382"/>
      <c r="N33" s="382"/>
      <c r="O33" s="382"/>
      <c r="P33" s="382"/>
      <c r="Q33" s="382"/>
      <c r="R33" s="382"/>
      <c r="S33" s="382"/>
      <c r="T33" s="253"/>
      <c r="U33" s="253"/>
      <c r="V33" s="253"/>
      <c r="W33" s="253"/>
      <c r="X33" s="253"/>
      <c r="Y33" s="253"/>
      <c r="Z33" s="253"/>
      <c r="AA33" s="253"/>
      <c r="AB33" s="253"/>
      <c r="AC33" s="253"/>
    </row>
    <row r="34" spans="1:29" ht="33.75" customHeight="1">
      <c r="A34" s="64"/>
      <c r="B34" s="377" t="s">
        <v>143</v>
      </c>
      <c r="C34" s="378"/>
      <c r="D34" s="378"/>
      <c r="E34" s="378"/>
      <c r="F34" s="378"/>
      <c r="G34" s="378"/>
      <c r="H34" s="378"/>
      <c r="I34" s="378"/>
      <c r="J34" s="379"/>
      <c r="K34" s="380" t="s">
        <v>144</v>
      </c>
      <c r="L34" s="381"/>
      <c r="M34" s="381"/>
      <c r="N34" s="381"/>
      <c r="O34" s="381"/>
      <c r="P34" s="381"/>
      <c r="Q34" s="381"/>
      <c r="R34" s="381"/>
      <c r="S34" s="381"/>
    </row>
    <row r="35" spans="1:29" ht="41.25" customHeight="1">
      <c r="A35" s="37" t="s">
        <v>85</v>
      </c>
      <c r="B35" s="38" t="s">
        <v>86</v>
      </c>
      <c r="C35" s="38" t="s">
        <v>178</v>
      </c>
      <c r="D35" s="89" t="s">
        <v>101</v>
      </c>
      <c r="E35" s="38" t="s">
        <v>179</v>
      </c>
      <c r="F35" s="89" t="s">
        <v>102</v>
      </c>
      <c r="G35" s="38" t="s">
        <v>180</v>
      </c>
      <c r="H35" s="89" t="s">
        <v>103</v>
      </c>
      <c r="I35" s="38" t="s">
        <v>357</v>
      </c>
      <c r="J35" s="89" t="s">
        <v>356</v>
      </c>
      <c r="K35" s="65" t="s">
        <v>86</v>
      </c>
      <c r="L35" s="65" t="s">
        <v>178</v>
      </c>
      <c r="M35" s="88" t="s">
        <v>101</v>
      </c>
      <c r="N35" s="65" t="s">
        <v>179</v>
      </c>
      <c r="O35" s="88" t="s">
        <v>102</v>
      </c>
      <c r="P35" s="65" t="s">
        <v>180</v>
      </c>
      <c r="Q35" s="88" t="s">
        <v>103</v>
      </c>
      <c r="R35" s="65" t="s">
        <v>357</v>
      </c>
      <c r="S35" s="88" t="s">
        <v>356</v>
      </c>
    </row>
    <row r="36" spans="1:29" ht="77.25" customHeight="1">
      <c r="A36" s="41"/>
      <c r="B36" s="42" t="s">
        <v>89</v>
      </c>
      <c r="C36" s="42" t="s">
        <v>181</v>
      </c>
      <c r="D36" s="91" t="s">
        <v>145</v>
      </c>
      <c r="E36" s="42" t="s">
        <v>182</v>
      </c>
      <c r="F36" s="91" t="s">
        <v>146</v>
      </c>
      <c r="G36" s="42" t="s">
        <v>183</v>
      </c>
      <c r="H36" s="91" t="s">
        <v>147</v>
      </c>
      <c r="I36" s="42" t="s">
        <v>357</v>
      </c>
      <c r="J36" s="91" t="s">
        <v>104</v>
      </c>
      <c r="K36" s="68" t="s">
        <v>89</v>
      </c>
      <c r="L36" s="68" t="s">
        <v>181</v>
      </c>
      <c r="M36" s="90" t="s">
        <v>145</v>
      </c>
      <c r="N36" s="68" t="s">
        <v>182</v>
      </c>
      <c r="O36" s="90" t="s">
        <v>146</v>
      </c>
      <c r="P36" s="68" t="s">
        <v>183</v>
      </c>
      <c r="Q36" s="90" t="s">
        <v>147</v>
      </c>
      <c r="R36" s="68" t="s">
        <v>357</v>
      </c>
      <c r="S36" s="90" t="s">
        <v>104</v>
      </c>
    </row>
    <row r="37" spans="1:29">
      <c r="A37" s="45" t="s">
        <v>435</v>
      </c>
      <c r="B37" s="156">
        <v>9361</v>
      </c>
      <c r="C37" s="160">
        <v>0.26700000000000002</v>
      </c>
      <c r="D37" s="94">
        <v>9.1439777660970185E-3</v>
      </c>
      <c r="E37" s="160">
        <v>0.19500000000000001</v>
      </c>
      <c r="F37" s="94">
        <v>8.1903267237955959E-3</v>
      </c>
      <c r="G37" s="160">
        <v>0.47699999999999998</v>
      </c>
      <c r="H37" s="94">
        <v>1.0322538991586489E-2</v>
      </c>
      <c r="I37" s="93">
        <v>0.06</v>
      </c>
      <c r="J37" s="94">
        <v>4.9153147216839535E-3</v>
      </c>
      <c r="K37" s="156">
        <v>9393</v>
      </c>
      <c r="L37" s="160">
        <v>0.192</v>
      </c>
      <c r="M37" s="94">
        <v>8.128392502322843E-3</v>
      </c>
      <c r="N37" s="160">
        <v>0.126</v>
      </c>
      <c r="O37" s="94">
        <v>6.8503222862829711E-3</v>
      </c>
      <c r="P37" s="160">
        <v>0.61599999999999999</v>
      </c>
      <c r="Q37" s="94">
        <v>1.0034641565253173E-2</v>
      </c>
      <c r="R37" s="93">
        <v>6.6000000000000003E-2</v>
      </c>
      <c r="S37" s="94">
        <v>5.129142896626142E-3</v>
      </c>
    </row>
    <row r="38" spans="1:29">
      <c r="A38" s="49" t="s">
        <v>436</v>
      </c>
      <c r="B38" s="158">
        <v>8720</v>
      </c>
      <c r="C38" s="161">
        <v>0.27600000000000002</v>
      </c>
      <c r="D38" s="97">
        <v>9.5729540637198435E-3</v>
      </c>
      <c r="E38" s="161">
        <v>0.191</v>
      </c>
      <c r="F38" s="97">
        <v>8.4194959724816446E-3</v>
      </c>
      <c r="G38" s="161">
        <v>0.48</v>
      </c>
      <c r="H38" s="97">
        <v>1.0697807449970632E-2</v>
      </c>
      <c r="I38" s="96">
        <v>5.2999999999999999E-2</v>
      </c>
      <c r="J38" s="97">
        <v>4.8059160849244272E-3</v>
      </c>
      <c r="K38" s="158">
        <v>8750</v>
      </c>
      <c r="L38" s="161">
        <v>0.21</v>
      </c>
      <c r="M38" s="97">
        <v>8.7086426241989815E-3</v>
      </c>
      <c r="N38" s="161">
        <v>0.125</v>
      </c>
      <c r="O38" s="97">
        <v>7.0736031620931405E-3</v>
      </c>
      <c r="P38" s="161">
        <v>0.60299999999999998</v>
      </c>
      <c r="Q38" s="97">
        <v>1.0458982254780031E-2</v>
      </c>
      <c r="R38" s="96">
        <v>6.0999999999999999E-2</v>
      </c>
      <c r="S38" s="97">
        <v>5.1237855705285737E-3</v>
      </c>
    </row>
    <row r="39" spans="1:29">
      <c r="A39" s="53" t="s">
        <v>437</v>
      </c>
      <c r="B39" s="156">
        <v>836</v>
      </c>
      <c r="C39" s="160">
        <v>0.22600000000000001</v>
      </c>
      <c r="D39" s="94">
        <v>2.8920029895277095E-2</v>
      </c>
      <c r="E39" s="160">
        <v>0.18540000000000001</v>
      </c>
      <c r="F39" s="94">
        <v>2.6900805195460772E-2</v>
      </c>
      <c r="G39" s="160">
        <v>0.4914</v>
      </c>
      <c r="H39" s="94">
        <v>3.4498222363026659E-2</v>
      </c>
      <c r="I39" s="93">
        <v>9.7199999999999995E-2</v>
      </c>
      <c r="J39" s="94">
        <v>2.0620574380535005E-2</v>
      </c>
      <c r="K39" s="156">
        <v>840</v>
      </c>
      <c r="L39" s="160">
        <v>0.2414</v>
      </c>
      <c r="M39" s="94">
        <v>2.9510895595845101E-2</v>
      </c>
      <c r="N39" s="160">
        <v>0.152</v>
      </c>
      <c r="O39" s="94">
        <v>2.4825570163193846E-2</v>
      </c>
      <c r="P39" s="160">
        <v>0.50119999999999998</v>
      </c>
      <c r="Q39" s="94">
        <v>3.4421321344676507E-2</v>
      </c>
      <c r="R39" s="93">
        <v>0.10539999999999999</v>
      </c>
      <c r="S39" s="94">
        <v>2.1303856622659864E-2</v>
      </c>
    </row>
    <row r="40" spans="1:29">
      <c r="A40" s="49" t="s">
        <v>438</v>
      </c>
      <c r="B40" s="158">
        <v>92</v>
      </c>
      <c r="C40" s="161">
        <v>0.45200000000000001</v>
      </c>
      <c r="D40" s="97">
        <v>0.10162922807932766</v>
      </c>
      <c r="E40" s="161">
        <v>0.185</v>
      </c>
      <c r="F40" s="97">
        <v>8.1361201947191431E-2</v>
      </c>
      <c r="G40" s="161">
        <v>0.34</v>
      </c>
      <c r="H40" s="97">
        <v>9.7144413308419525E-2</v>
      </c>
      <c r="I40" s="96">
        <v>2.3E-2</v>
      </c>
      <c r="J40" s="97">
        <v>4.1350500992027493E-2</v>
      </c>
      <c r="K40" s="158">
        <v>91</v>
      </c>
      <c r="L40" s="161">
        <v>0.18</v>
      </c>
      <c r="M40" s="97">
        <v>8.1056606011129323E-2</v>
      </c>
      <c r="N40" s="161">
        <v>0.185</v>
      </c>
      <c r="O40" s="97">
        <v>8.1809760868246803E-2</v>
      </c>
      <c r="P40" s="161">
        <v>0.61099999999999999</v>
      </c>
      <c r="Q40" s="97">
        <v>0.10025120334138263</v>
      </c>
      <c r="R40" s="96">
        <v>2.4E-2</v>
      </c>
      <c r="S40" s="97">
        <v>4.2103830668152958E-2</v>
      </c>
    </row>
    <row r="41" spans="1:29">
      <c r="A41" s="53" t="s">
        <v>439</v>
      </c>
      <c r="B41" s="156">
        <v>630</v>
      </c>
      <c r="C41" s="160">
        <v>0.30299999999999999</v>
      </c>
      <c r="D41" s="94">
        <v>3.6544701348063195E-2</v>
      </c>
      <c r="E41" s="160">
        <v>0.19500000000000001</v>
      </c>
      <c r="F41" s="94">
        <v>3.1587354629721093E-2</v>
      </c>
      <c r="G41" s="160">
        <v>0.39700000000000002</v>
      </c>
      <c r="H41" s="94">
        <v>3.8874094689604462E-2</v>
      </c>
      <c r="I41" s="93">
        <v>0.105</v>
      </c>
      <c r="J41" s="94">
        <v>2.4602525977116551E-2</v>
      </c>
      <c r="K41" s="156">
        <v>634</v>
      </c>
      <c r="L41" s="160">
        <v>0.19600000000000001</v>
      </c>
      <c r="M41" s="94">
        <v>3.1547266488095464E-2</v>
      </c>
      <c r="N41" s="160">
        <v>0.13700000000000001</v>
      </c>
      <c r="O41" s="94">
        <v>2.7415083635574228E-2</v>
      </c>
      <c r="P41" s="160">
        <v>0.57599999999999996</v>
      </c>
      <c r="Q41" s="94">
        <v>3.9136142031459209E-2</v>
      </c>
      <c r="R41" s="93">
        <v>9.0999999999999998E-2</v>
      </c>
      <c r="S41" s="94">
        <v>2.3059143251033018E-2</v>
      </c>
    </row>
    <row r="42" spans="1:29">
      <c r="A42" s="49" t="s">
        <v>440</v>
      </c>
      <c r="B42" s="158">
        <v>280</v>
      </c>
      <c r="C42" s="161">
        <v>0.216</v>
      </c>
      <c r="D42" s="97">
        <v>4.9161991502081198E-2</v>
      </c>
      <c r="E42" s="161">
        <v>0.20699999999999999</v>
      </c>
      <c r="F42" s="97">
        <v>4.8433525162655637E-2</v>
      </c>
      <c r="G42" s="161">
        <v>0.433</v>
      </c>
      <c r="H42" s="97">
        <v>5.8818958355794433E-2</v>
      </c>
      <c r="I42" s="96">
        <v>0.14399999999999999</v>
      </c>
      <c r="J42" s="97">
        <v>4.2261574316871199E-2</v>
      </c>
      <c r="K42" s="158">
        <v>283</v>
      </c>
      <c r="L42" s="161">
        <v>0.13200000000000001</v>
      </c>
      <c r="M42" s="97">
        <v>4.0609396142163308E-2</v>
      </c>
      <c r="N42" s="161">
        <v>0.13300000000000001</v>
      </c>
      <c r="O42" s="97">
        <v>4.0731847527545259E-2</v>
      </c>
      <c r="P42" s="161">
        <v>0.621</v>
      </c>
      <c r="Q42" s="97">
        <v>5.7322884924846551E-2</v>
      </c>
      <c r="R42" s="96">
        <v>0.113</v>
      </c>
      <c r="S42" s="97">
        <v>3.8140881948706525E-2</v>
      </c>
    </row>
    <row r="43" spans="1:29">
      <c r="A43" s="53" t="s">
        <v>441</v>
      </c>
      <c r="B43" s="156">
        <v>75</v>
      </c>
      <c r="C43" s="160">
        <v>0.34100000000000003</v>
      </c>
      <c r="D43" s="94">
        <v>0.10725912987030109</v>
      </c>
      <c r="E43" s="160">
        <v>0.105</v>
      </c>
      <c r="F43" s="94">
        <v>7.4417569723448401E-2</v>
      </c>
      <c r="G43" s="160">
        <v>0.437</v>
      </c>
      <c r="H43" s="94">
        <v>0.11170094539862872</v>
      </c>
      <c r="I43" s="93">
        <v>0.11799999999999999</v>
      </c>
      <c r="J43" s="94">
        <v>7.7452806300034191E-2</v>
      </c>
      <c r="K43" s="156">
        <v>75</v>
      </c>
      <c r="L43" s="160">
        <v>0.22900000000000001</v>
      </c>
      <c r="M43" s="94">
        <v>9.6471359482469779E-2</v>
      </c>
      <c r="N43" s="160">
        <v>4.1000000000000002E-2</v>
      </c>
      <c r="O43" s="94">
        <v>5.5170008214284347E-2</v>
      </c>
      <c r="P43" s="160">
        <v>0.58899999999999997</v>
      </c>
      <c r="Q43" s="94">
        <v>0.11089071358094378</v>
      </c>
      <c r="R43" s="93">
        <v>0.14099999999999999</v>
      </c>
      <c r="S43" s="94">
        <v>8.2320715621703469E-2</v>
      </c>
    </row>
    <row r="44" spans="1:29">
      <c r="A44" s="49" t="s">
        <v>442</v>
      </c>
      <c r="B44" s="158">
        <v>144</v>
      </c>
      <c r="C44" s="161">
        <v>0.29699999999999999</v>
      </c>
      <c r="D44" s="97">
        <v>7.5514167630721676E-2</v>
      </c>
      <c r="E44" s="161">
        <v>0.24399999999999999</v>
      </c>
      <c r="F44" s="97">
        <v>7.1273856138494476E-2</v>
      </c>
      <c r="G44" s="161">
        <v>0.41099999999999998</v>
      </c>
      <c r="H44" s="97">
        <v>8.0957342151884146E-2</v>
      </c>
      <c r="I44" s="96">
        <v>4.8000000000000001E-2</v>
      </c>
      <c r="J44" s="97">
        <v>3.9108381461812648E-2</v>
      </c>
      <c r="K44" s="158">
        <v>144</v>
      </c>
      <c r="L44" s="161">
        <v>0.217</v>
      </c>
      <c r="M44" s="97">
        <v>6.8612037654143754E-2</v>
      </c>
      <c r="N44" s="161">
        <v>0.16800000000000001</v>
      </c>
      <c r="O44" s="97">
        <v>6.2742188015953021E-2</v>
      </c>
      <c r="P44" s="161">
        <v>0.56100000000000005</v>
      </c>
      <c r="Q44" s="97">
        <v>8.1618330130664066E-2</v>
      </c>
      <c r="R44" s="96">
        <v>5.2999999999999999E-2</v>
      </c>
      <c r="S44" s="97">
        <v>4.0552113273955921E-2</v>
      </c>
    </row>
    <row r="45" spans="1:29">
      <c r="A45" s="53" t="s">
        <v>443</v>
      </c>
      <c r="B45" s="156">
        <v>125</v>
      </c>
      <c r="C45" s="160">
        <v>0.48899999999999999</v>
      </c>
      <c r="D45" s="94">
        <v>8.8025082319872675E-2</v>
      </c>
      <c r="E45" s="160">
        <v>0.156</v>
      </c>
      <c r="F45" s="94">
        <v>6.5624935913179819E-2</v>
      </c>
      <c r="G45" s="160">
        <v>0.28299999999999997</v>
      </c>
      <c r="H45" s="94">
        <v>7.9880913865241612E-2</v>
      </c>
      <c r="I45" s="93">
        <v>7.1999999999999995E-2</v>
      </c>
      <c r="J45" s="94">
        <v>4.9179349099312951E-2</v>
      </c>
      <c r="K45" s="156">
        <v>126</v>
      </c>
      <c r="L45" s="160">
        <v>0.30099999999999999</v>
      </c>
      <c r="M45" s="94">
        <v>8.0917525446854974E-2</v>
      </c>
      <c r="N45" s="160">
        <v>0.16</v>
      </c>
      <c r="O45" s="94">
        <v>6.5961387858437276E-2</v>
      </c>
      <c r="P45" s="160">
        <v>0.48299999999999998</v>
      </c>
      <c r="Q45" s="94">
        <v>8.7658166674859511E-2</v>
      </c>
      <c r="R45" s="93">
        <v>5.6000000000000001E-2</v>
      </c>
      <c r="S45" s="94">
        <v>4.4655539244897915E-2</v>
      </c>
    </row>
    <row r="46" spans="1:29">
      <c r="A46" s="49" t="s">
        <v>444</v>
      </c>
      <c r="B46" s="158">
        <v>617</v>
      </c>
      <c r="C46" s="161">
        <v>0.24399999999999999</v>
      </c>
      <c r="D46" s="97">
        <v>3.4548436911556589E-2</v>
      </c>
      <c r="E46" s="161">
        <v>0.248</v>
      </c>
      <c r="F46" s="97">
        <v>3.4734924645357358E-2</v>
      </c>
      <c r="G46" s="161">
        <v>0.44500000000000001</v>
      </c>
      <c r="H46" s="97">
        <v>3.988823709172578E-2</v>
      </c>
      <c r="I46" s="96">
        <v>6.4000000000000001E-2</v>
      </c>
      <c r="J46" s="97">
        <v>2.0039416040088638E-2</v>
      </c>
      <c r="K46" s="158">
        <v>618</v>
      </c>
      <c r="L46" s="161">
        <v>0.17299999999999999</v>
      </c>
      <c r="M46" s="97">
        <v>3.0477641421791164E-2</v>
      </c>
      <c r="N46" s="161">
        <v>9.1999999999999998E-2</v>
      </c>
      <c r="O46" s="97">
        <v>2.3471968885271224E-2</v>
      </c>
      <c r="P46" s="161">
        <v>0.68300000000000005</v>
      </c>
      <c r="Q46" s="97">
        <v>3.7351234754903935E-2</v>
      </c>
      <c r="R46" s="96">
        <v>5.1999999999999998E-2</v>
      </c>
      <c r="S46" s="97">
        <v>1.8263716882129164E-2</v>
      </c>
    </row>
    <row r="47" spans="1:29">
      <c r="A47" s="45" t="s">
        <v>445</v>
      </c>
      <c r="B47" s="156">
        <v>555</v>
      </c>
      <c r="C47" s="160">
        <v>0.27100000000000002</v>
      </c>
      <c r="D47" s="94">
        <v>3.7669764776918073E-2</v>
      </c>
      <c r="E47" s="160">
        <v>0.24</v>
      </c>
      <c r="F47" s="94">
        <v>3.6222723921602758E-2</v>
      </c>
      <c r="G47" s="160">
        <v>0.438</v>
      </c>
      <c r="H47" s="94">
        <v>4.1973738761277392E-2</v>
      </c>
      <c r="I47" s="93">
        <v>5.1999999999999998E-2</v>
      </c>
      <c r="J47" s="94">
        <v>1.9319005905896584E-2</v>
      </c>
      <c r="K47" s="156">
        <v>722</v>
      </c>
      <c r="L47" s="160">
        <v>0.17</v>
      </c>
      <c r="M47" s="94">
        <v>2.800006830126223E-2</v>
      </c>
      <c r="N47" s="160">
        <v>9.6000000000000002E-2</v>
      </c>
      <c r="O47" s="94">
        <v>2.2091416480769475E-2</v>
      </c>
      <c r="P47" s="160">
        <v>0.69199999999999995</v>
      </c>
      <c r="Q47" s="94">
        <v>3.4300655434451842E-2</v>
      </c>
      <c r="R47" s="93">
        <v>4.2000000000000003E-2</v>
      </c>
      <c r="S47" s="94">
        <v>1.530967417869933E-2</v>
      </c>
    </row>
    <row r="48" spans="1:29" ht="25.5">
      <c r="A48" s="49" t="s">
        <v>450</v>
      </c>
      <c r="B48" s="158">
        <v>129</v>
      </c>
      <c r="C48" s="161">
        <v>0.27100000000000002</v>
      </c>
      <c r="D48" s="97">
        <v>7.7685680954286226E-2</v>
      </c>
      <c r="E48" s="161">
        <v>0.245</v>
      </c>
      <c r="F48" s="97">
        <v>7.5359282195315291E-2</v>
      </c>
      <c r="G48" s="161">
        <v>0.439</v>
      </c>
      <c r="H48" s="97">
        <v>8.6101785165947742E-2</v>
      </c>
      <c r="I48" s="96">
        <v>4.4999999999999998E-2</v>
      </c>
      <c r="J48" s="97">
        <v>4.0759840902689949E-2</v>
      </c>
      <c r="K48" s="158">
        <v>130</v>
      </c>
      <c r="L48" s="161">
        <v>0.23400000000000001</v>
      </c>
      <c r="M48" s="97">
        <v>7.3991768494493779E-2</v>
      </c>
      <c r="N48" s="161">
        <v>8.4000000000000005E-2</v>
      </c>
      <c r="O48" s="97">
        <v>5.0996487146401523E-2</v>
      </c>
      <c r="P48" s="161">
        <v>0.61099999999999999</v>
      </c>
      <c r="Q48" s="97">
        <v>8.4359501363039949E-2</v>
      </c>
      <c r="R48" s="96">
        <v>7.0999999999999994E-2</v>
      </c>
      <c r="S48" s="97">
        <v>4.7875001895201587E-2</v>
      </c>
    </row>
    <row r="49" spans="1:19">
      <c r="A49" s="53" t="s">
        <v>447</v>
      </c>
      <c r="B49" s="156">
        <v>178</v>
      </c>
      <c r="C49" s="160">
        <v>0.17199999999999999</v>
      </c>
      <c r="D49" s="94">
        <v>5.6857833187479778E-2</v>
      </c>
      <c r="E49" s="160">
        <v>0.24299999999999999</v>
      </c>
      <c r="F49" s="94">
        <v>6.4077965709520887E-2</v>
      </c>
      <c r="G49" s="160">
        <v>0.46800000000000003</v>
      </c>
      <c r="H49" s="94">
        <v>7.3979580842277556E-2</v>
      </c>
      <c r="I49" s="93">
        <v>0.11600000000000001</v>
      </c>
      <c r="J49" s="94">
        <v>4.8934662929070491E-2</v>
      </c>
      <c r="K49" s="156">
        <v>178</v>
      </c>
      <c r="L49" s="160">
        <v>9.1999999999999998E-2</v>
      </c>
      <c r="M49" s="94">
        <v>4.466546991420127E-2</v>
      </c>
      <c r="N49" s="160">
        <v>7.1999999999999995E-2</v>
      </c>
      <c r="O49" s="94">
        <v>4.0540187619587581E-2</v>
      </c>
      <c r="P49" s="160">
        <v>0.79700000000000004</v>
      </c>
      <c r="Q49" s="94">
        <v>6.0333452675362026E-2</v>
      </c>
      <c r="R49" s="93">
        <v>3.9E-2</v>
      </c>
      <c r="S49" s="94">
        <v>3.2043215210170367E-2</v>
      </c>
    </row>
    <row r="50" spans="1:19">
      <c r="A50" s="49" t="s">
        <v>446</v>
      </c>
      <c r="B50" s="158">
        <v>113</v>
      </c>
      <c r="C50" s="161">
        <v>0.11799999999999999</v>
      </c>
      <c r="D50" s="97">
        <v>6.2397444136413439E-2</v>
      </c>
      <c r="E50" s="161">
        <v>0.23499999999999999</v>
      </c>
      <c r="F50" s="97">
        <v>7.9419825486534923E-2</v>
      </c>
      <c r="G50" s="161">
        <v>0.50900000000000001</v>
      </c>
      <c r="H50" s="97">
        <v>9.2436061299769681E-2</v>
      </c>
      <c r="I50" s="96">
        <v>0.13800000000000001</v>
      </c>
      <c r="J50" s="97">
        <v>6.6090615451797799E-2</v>
      </c>
      <c r="K50" s="158">
        <v>113</v>
      </c>
      <c r="L50" s="161">
        <v>0.112</v>
      </c>
      <c r="M50" s="97">
        <v>6.1205454130006796E-2</v>
      </c>
      <c r="N50" s="161">
        <v>6.5000000000000002E-2</v>
      </c>
      <c r="O50" s="97">
        <v>5.0125412377442273E-2</v>
      </c>
      <c r="P50" s="161">
        <v>0.77</v>
      </c>
      <c r="Q50" s="97">
        <v>7.8880935546025266E-2</v>
      </c>
      <c r="R50" s="96">
        <v>5.2999999999999999E-2</v>
      </c>
      <c r="S50" s="97">
        <v>4.6637211493500086E-2</v>
      </c>
    </row>
    <row r="51" spans="1:19">
      <c r="A51" s="57" t="s">
        <v>451</v>
      </c>
      <c r="B51" s="156">
        <v>59</v>
      </c>
      <c r="C51" s="160">
        <v>0.27</v>
      </c>
      <c r="D51" s="94">
        <v>0.11369807068178409</v>
      </c>
      <c r="E51" s="160">
        <v>0.23400000000000001</v>
      </c>
      <c r="F51" s="94">
        <v>0.1092379532629506</v>
      </c>
      <c r="G51" s="160">
        <v>0.433</v>
      </c>
      <c r="H51" s="94">
        <v>0.12499217385027561</v>
      </c>
      <c r="I51" s="93">
        <v>6.3E-2</v>
      </c>
      <c r="J51" s="94">
        <v>7.2379594365622552E-2</v>
      </c>
      <c r="K51" s="156">
        <v>59</v>
      </c>
      <c r="L51" s="160">
        <v>0.318</v>
      </c>
      <c r="M51" s="94">
        <v>0.11844191969143375</v>
      </c>
      <c r="N51" s="160">
        <v>0.105</v>
      </c>
      <c r="O51" s="94">
        <v>8.4762496895705947E-2</v>
      </c>
      <c r="P51" s="160">
        <v>0.495</v>
      </c>
      <c r="Q51" s="94">
        <v>0.12598263267108634</v>
      </c>
      <c r="R51" s="93">
        <v>8.3000000000000004E-2</v>
      </c>
      <c r="S51" s="94">
        <v>7.867601001616828E-2</v>
      </c>
    </row>
    <row r="52" spans="1:19">
      <c r="A52" s="49" t="s">
        <v>448</v>
      </c>
      <c r="B52" s="158">
        <v>106</v>
      </c>
      <c r="C52" s="161">
        <v>0.29499999999999998</v>
      </c>
      <c r="D52" s="97">
        <v>8.7589080554065279E-2</v>
      </c>
      <c r="E52" s="161">
        <v>0.17499999999999999</v>
      </c>
      <c r="F52" s="97">
        <v>7.4325365487975317E-2</v>
      </c>
      <c r="G52" s="161">
        <v>0.496</v>
      </c>
      <c r="H52" s="97">
        <v>9.5343425664439513E-2</v>
      </c>
      <c r="I52" s="96">
        <v>3.4000000000000002E-2</v>
      </c>
      <c r="J52" s="97">
        <v>4.1930685316955069E-2</v>
      </c>
      <c r="K52" s="158">
        <v>106</v>
      </c>
      <c r="L52" s="161">
        <v>0.128</v>
      </c>
      <c r="M52" s="97">
        <v>6.646866761569363E-2</v>
      </c>
      <c r="N52" s="161">
        <v>2.3E-2</v>
      </c>
      <c r="O52" s="97">
        <v>3.7522211043097324E-2</v>
      </c>
      <c r="P52" s="161">
        <v>0.80600000000000005</v>
      </c>
      <c r="Q52" s="97">
        <v>7.7000607957633874E-2</v>
      </c>
      <c r="R52" s="96">
        <v>4.2000000000000003E-2</v>
      </c>
      <c r="S52" s="97">
        <v>4.4808355451377027E-2</v>
      </c>
    </row>
    <row r="53" spans="1:19">
      <c r="A53" s="57" t="s">
        <v>449</v>
      </c>
      <c r="B53" s="156">
        <v>137</v>
      </c>
      <c r="C53" s="160">
        <v>0.255</v>
      </c>
      <c r="D53" s="94">
        <v>7.4058126745224079E-2</v>
      </c>
      <c r="E53" s="160">
        <v>0.308</v>
      </c>
      <c r="F53" s="94">
        <v>7.8133892491608986E-2</v>
      </c>
      <c r="G53" s="160">
        <v>0.39600000000000002</v>
      </c>
      <c r="H53" s="94">
        <v>8.2477414775118746E-2</v>
      </c>
      <c r="I53" s="93">
        <v>4.1000000000000002E-2</v>
      </c>
      <c r="J53" s="94">
        <v>3.8075318515019184E-2</v>
      </c>
      <c r="K53" s="156">
        <v>137</v>
      </c>
      <c r="L53" s="160">
        <v>0.14199999999999999</v>
      </c>
      <c r="M53" s="94">
        <v>6.0495488701114208E-2</v>
      </c>
      <c r="N53" s="160">
        <v>0.189</v>
      </c>
      <c r="O53" s="94">
        <v>6.709554452750989E-2</v>
      </c>
      <c r="P53" s="160">
        <v>0.64800000000000002</v>
      </c>
      <c r="Q53" s="94">
        <v>8.0657080267619294E-2</v>
      </c>
      <c r="R53" s="93">
        <v>2.1999999999999999E-2</v>
      </c>
      <c r="S53" s="94">
        <v>3.1191811032978779E-2</v>
      </c>
    </row>
    <row r="61" spans="1:19" ht="18.75">
      <c r="A61" s="325" t="s">
        <v>262</v>
      </c>
      <c r="B61" s="325"/>
      <c r="C61" s="325"/>
      <c r="D61" s="325"/>
      <c r="E61" s="325"/>
      <c r="F61" s="325"/>
      <c r="G61" s="325"/>
      <c r="H61" s="325"/>
      <c r="I61" s="325"/>
      <c r="J61" s="325"/>
      <c r="K61" s="325"/>
      <c r="L61" s="325"/>
    </row>
    <row r="62" spans="1:19" ht="69" customHeight="1">
      <c r="A62" s="382" t="s">
        <v>378</v>
      </c>
      <c r="B62" s="382"/>
      <c r="C62" s="382"/>
      <c r="D62" s="382"/>
      <c r="E62" s="382"/>
      <c r="F62" s="382"/>
      <c r="G62" s="382"/>
      <c r="H62" s="382"/>
      <c r="I62" s="382"/>
      <c r="J62" s="382"/>
      <c r="K62" s="382"/>
      <c r="L62" s="382"/>
    </row>
    <row r="63" spans="1:19" ht="46.5" customHeight="1">
      <c r="A63" s="380" t="s">
        <v>263</v>
      </c>
      <c r="B63" s="381"/>
      <c r="C63" s="381"/>
      <c r="D63" s="381"/>
      <c r="E63" s="381"/>
      <c r="F63" s="381"/>
      <c r="G63" s="381"/>
      <c r="H63" s="381"/>
      <c r="I63" s="381"/>
      <c r="J63" s="381"/>
      <c r="K63" s="381"/>
      <c r="L63" s="381"/>
    </row>
    <row r="64" spans="1:19" ht="72">
      <c r="A64" s="37" t="s">
        <v>85</v>
      </c>
      <c r="B64" s="38" t="s">
        <v>86</v>
      </c>
      <c r="C64" s="39" t="s">
        <v>87</v>
      </c>
      <c r="D64" s="40" t="s">
        <v>88</v>
      </c>
      <c r="E64" s="38" t="s">
        <v>178</v>
      </c>
      <c r="F64" s="89" t="s">
        <v>101</v>
      </c>
      <c r="G64" s="38" t="s">
        <v>179</v>
      </c>
      <c r="H64" s="89" t="s">
        <v>102</v>
      </c>
      <c r="I64" s="38" t="s">
        <v>180</v>
      </c>
      <c r="J64" s="89" t="s">
        <v>103</v>
      </c>
      <c r="K64" s="38" t="s">
        <v>357</v>
      </c>
      <c r="L64" s="89" t="s">
        <v>356</v>
      </c>
    </row>
    <row r="65" spans="1:12" ht="84">
      <c r="A65" s="41"/>
      <c r="B65" s="42" t="s">
        <v>89</v>
      </c>
      <c r="C65" s="126" t="s">
        <v>361</v>
      </c>
      <c r="D65" s="44" t="s">
        <v>91</v>
      </c>
      <c r="E65" s="42" t="s">
        <v>181</v>
      </c>
      <c r="F65" s="91" t="s">
        <v>145</v>
      </c>
      <c r="G65" s="42" t="s">
        <v>182</v>
      </c>
      <c r="H65" s="91" t="s">
        <v>146</v>
      </c>
      <c r="I65" s="42" t="s">
        <v>183</v>
      </c>
      <c r="J65" s="91" t="s">
        <v>147</v>
      </c>
      <c r="K65" s="42" t="s">
        <v>357</v>
      </c>
      <c r="L65" s="91" t="s">
        <v>104</v>
      </c>
    </row>
    <row r="66" spans="1:12">
      <c r="A66" s="45" t="s">
        <v>435</v>
      </c>
      <c r="B66" s="156">
        <v>9321</v>
      </c>
      <c r="C66" s="157">
        <v>3.68</v>
      </c>
      <c r="D66" s="86">
        <v>3.9199999999999999E-2</v>
      </c>
      <c r="E66" s="160">
        <v>0.47899999999999998</v>
      </c>
      <c r="F66" s="94">
        <v>1.034647762536532E-2</v>
      </c>
      <c r="G66" s="160">
        <v>0.156</v>
      </c>
      <c r="H66" s="94">
        <v>7.5180711612020104E-3</v>
      </c>
      <c r="I66" s="160">
        <v>0.33800000000000002</v>
      </c>
      <c r="J66" s="94">
        <v>9.7974885468451196E-3</v>
      </c>
      <c r="K66" s="93">
        <v>2.7E-2</v>
      </c>
      <c r="L66" s="94">
        <v>3.3691804826515991E-3</v>
      </c>
    </row>
    <row r="67" spans="1:12">
      <c r="A67" s="49" t="s">
        <v>436</v>
      </c>
      <c r="B67" s="49">
        <v>8681</v>
      </c>
      <c r="C67" s="159">
        <v>3.67</v>
      </c>
      <c r="D67" s="87">
        <v>3.9199999999999999E-2</v>
      </c>
      <c r="E67" s="161">
        <v>0.47599999999999998</v>
      </c>
      <c r="F67" s="97">
        <v>1.0718022537515422E-2</v>
      </c>
      <c r="G67" s="161">
        <v>0.161</v>
      </c>
      <c r="H67" s="97">
        <v>7.890582556962648E-3</v>
      </c>
      <c r="I67" s="161">
        <v>0.33600000000000002</v>
      </c>
      <c r="J67" s="97">
        <v>1.0137313302674035E-2</v>
      </c>
      <c r="K67" s="96">
        <v>2.5999999999999999E-2</v>
      </c>
      <c r="L67" s="97">
        <v>3.4290847017341246E-3</v>
      </c>
    </row>
    <row r="68" spans="1:12">
      <c r="A68" s="53" t="s">
        <v>437</v>
      </c>
      <c r="B68" s="53">
        <v>835</v>
      </c>
      <c r="C68" s="157">
        <v>3.18</v>
      </c>
      <c r="D68" s="86">
        <v>0.13720000000000002</v>
      </c>
      <c r="E68" s="160">
        <v>0.58130000000000004</v>
      </c>
      <c r="F68" s="94">
        <v>3.4068792791810305E-2</v>
      </c>
      <c r="G68" s="160">
        <v>0.17349999999999999</v>
      </c>
      <c r="H68" s="94">
        <v>2.6239185552017152E-2</v>
      </c>
      <c r="I68" s="160">
        <v>0.22140000000000001</v>
      </c>
      <c r="J68" s="94">
        <v>2.8729171902674194E-2</v>
      </c>
      <c r="K68" s="93">
        <v>2.3900000000000001E-2</v>
      </c>
      <c r="L68" s="94">
        <v>1.1022781537237283E-2</v>
      </c>
    </row>
    <row r="69" spans="1:12">
      <c r="A69" s="49" t="s">
        <v>438</v>
      </c>
      <c r="B69" s="49">
        <v>90</v>
      </c>
      <c r="C69" s="159">
        <v>4.45</v>
      </c>
      <c r="D69" s="87">
        <v>0.41159999999999997</v>
      </c>
      <c r="E69" s="161">
        <v>0.30599999999999999</v>
      </c>
      <c r="F69" s="97">
        <v>9.5760986489421066E-2</v>
      </c>
      <c r="G69" s="161">
        <v>0.13500000000000001</v>
      </c>
      <c r="H69" s="97">
        <v>7.376560274680237E-2</v>
      </c>
      <c r="I69" s="161">
        <v>0.55100000000000005</v>
      </c>
      <c r="J69" s="97">
        <v>0.10264909278779095</v>
      </c>
      <c r="K69" s="96">
        <v>7.0000000000000001E-3</v>
      </c>
      <c r="L69" s="97">
        <v>3.4018714774854658E-2</v>
      </c>
    </row>
    <row r="70" spans="1:12">
      <c r="A70" s="53" t="s">
        <v>439</v>
      </c>
      <c r="B70" s="53">
        <v>633</v>
      </c>
      <c r="C70" s="157">
        <v>3.22</v>
      </c>
      <c r="D70" s="86">
        <v>0.15679999999999999</v>
      </c>
      <c r="E70" s="160">
        <v>0.57399999999999995</v>
      </c>
      <c r="F70" s="94">
        <v>3.9190598658357868E-2</v>
      </c>
      <c r="G70" s="160">
        <v>0.14399999999999999</v>
      </c>
      <c r="H70" s="94">
        <v>2.7999850139206708E-2</v>
      </c>
      <c r="I70" s="160">
        <v>0.24399999999999999</v>
      </c>
      <c r="J70" s="94">
        <v>3.4109848765796424E-2</v>
      </c>
      <c r="K70" s="93">
        <v>3.7999999999999999E-2</v>
      </c>
      <c r="L70" s="94">
        <v>1.5694932940239902E-2</v>
      </c>
    </row>
    <row r="71" spans="1:12">
      <c r="A71" s="49" t="s">
        <v>440</v>
      </c>
      <c r="B71" s="49">
        <v>283</v>
      </c>
      <c r="C71" s="159">
        <v>3.33</v>
      </c>
      <c r="D71" s="87">
        <v>0.21559999999999999</v>
      </c>
      <c r="E71" s="161">
        <v>0.54600000000000004</v>
      </c>
      <c r="F71" s="97">
        <v>5.8784739486667369E-2</v>
      </c>
      <c r="G71" s="161">
        <v>0.155</v>
      </c>
      <c r="H71" s="97">
        <v>4.3259149351260719E-2</v>
      </c>
      <c r="I71" s="161">
        <v>0.248</v>
      </c>
      <c r="J71" s="97">
        <v>5.1222519387090076E-2</v>
      </c>
      <c r="K71" s="96">
        <v>5.0999999999999997E-2</v>
      </c>
      <c r="L71" s="97">
        <v>2.7428558964209076E-2</v>
      </c>
    </row>
    <row r="72" spans="1:12">
      <c r="A72" s="53" t="s">
        <v>441</v>
      </c>
      <c r="B72" s="53">
        <v>75</v>
      </c>
      <c r="C72" s="157">
        <v>3.06</v>
      </c>
      <c r="D72" s="86">
        <v>0.47039999999999998</v>
      </c>
      <c r="E72" s="160">
        <v>0.58199999999999996</v>
      </c>
      <c r="F72" s="94">
        <v>0.11113674394478369</v>
      </c>
      <c r="G72" s="160">
        <v>0.108</v>
      </c>
      <c r="H72" s="94">
        <v>7.5138004430513272E-2</v>
      </c>
      <c r="I72" s="160">
        <v>0.25700000000000001</v>
      </c>
      <c r="J72" s="94">
        <v>9.9817367946013133E-2</v>
      </c>
      <c r="K72" s="93">
        <v>5.3999999999999999E-2</v>
      </c>
      <c r="L72" s="94">
        <v>5.9838361643985698E-2</v>
      </c>
    </row>
    <row r="73" spans="1:12">
      <c r="A73" s="49" t="s">
        <v>442</v>
      </c>
      <c r="B73" s="49">
        <v>144</v>
      </c>
      <c r="C73" s="159">
        <v>3.18</v>
      </c>
      <c r="D73" s="87">
        <v>0.31359999999999999</v>
      </c>
      <c r="E73" s="161">
        <v>0.61399999999999999</v>
      </c>
      <c r="F73" s="97">
        <v>8.0151375943047526E-2</v>
      </c>
      <c r="G73" s="161">
        <v>0.11899999999999999</v>
      </c>
      <c r="H73" s="97">
        <v>5.5160577924797088E-2</v>
      </c>
      <c r="I73" s="161">
        <v>0.24399999999999999</v>
      </c>
      <c r="J73" s="97">
        <v>7.1273856138494476E-2</v>
      </c>
      <c r="K73" s="96">
        <v>2.3E-2</v>
      </c>
      <c r="L73" s="97">
        <v>3.0581598418759726E-2</v>
      </c>
    </row>
    <row r="74" spans="1:12">
      <c r="A74" s="53" t="s">
        <v>443</v>
      </c>
      <c r="B74" s="53">
        <v>125</v>
      </c>
      <c r="C74" s="157">
        <v>3.11</v>
      </c>
      <c r="D74" s="86">
        <v>0.3332</v>
      </c>
      <c r="E74" s="160">
        <v>0.59399999999999997</v>
      </c>
      <c r="F74" s="94">
        <v>8.657182765861951E-2</v>
      </c>
      <c r="G74" s="160">
        <v>0.161</v>
      </c>
      <c r="H74" s="94">
        <v>6.6378148407713583E-2</v>
      </c>
      <c r="I74" s="160">
        <v>0.22600000000000001</v>
      </c>
      <c r="J74" s="94">
        <v>7.4606500921190699E-2</v>
      </c>
      <c r="K74" s="93">
        <v>1.9E-2</v>
      </c>
      <c r="L74" s="94">
        <v>3.1874034953300087E-2</v>
      </c>
    </row>
    <row r="75" spans="1:12">
      <c r="A75" s="49" t="s">
        <v>444</v>
      </c>
      <c r="B75" s="49">
        <v>617</v>
      </c>
      <c r="C75" s="159">
        <v>3.85</v>
      </c>
      <c r="D75" s="87">
        <v>0.15679999999999999</v>
      </c>
      <c r="E75" s="161">
        <v>0.46600000000000003</v>
      </c>
      <c r="F75" s="97">
        <v>4.0036926928277053E-2</v>
      </c>
      <c r="G75" s="161">
        <v>0.127</v>
      </c>
      <c r="H75" s="97">
        <v>2.6937937819379035E-2</v>
      </c>
      <c r="I75" s="161">
        <v>0.38700000000000001</v>
      </c>
      <c r="J75" s="97">
        <v>3.9103888732290773E-2</v>
      </c>
      <c r="K75" s="96">
        <v>0.02</v>
      </c>
      <c r="L75" s="97">
        <v>1.2054240483705972E-2</v>
      </c>
    </row>
    <row r="76" spans="1:12">
      <c r="A76" s="45" t="s">
        <v>445</v>
      </c>
      <c r="B76" s="156">
        <v>715</v>
      </c>
      <c r="C76" s="157">
        <v>4</v>
      </c>
      <c r="D76" s="86">
        <v>0.13720000000000002</v>
      </c>
      <c r="E76" s="160">
        <v>0.42</v>
      </c>
      <c r="F76" s="94">
        <v>3.6818618070538864E-2</v>
      </c>
      <c r="G76" s="160">
        <v>0.128</v>
      </c>
      <c r="H76" s="94">
        <v>2.5089708923860664E-2</v>
      </c>
      <c r="I76" s="160">
        <v>0.43099999999999999</v>
      </c>
      <c r="J76" s="94">
        <v>3.6940867398073132E-2</v>
      </c>
      <c r="K76" s="93">
        <v>2.1000000000000001E-2</v>
      </c>
      <c r="L76" s="94">
        <v>1.1337480495364637E-2</v>
      </c>
    </row>
    <row r="77" spans="1:12" ht="25.5">
      <c r="A77" s="49" t="s">
        <v>450</v>
      </c>
      <c r="B77" s="158">
        <v>130</v>
      </c>
      <c r="C77" s="159">
        <v>3.77</v>
      </c>
      <c r="D77" s="87">
        <v>0.3528</v>
      </c>
      <c r="E77" s="161">
        <v>0.436</v>
      </c>
      <c r="F77" s="97">
        <v>8.5718192830767703E-2</v>
      </c>
      <c r="G77" s="161">
        <v>0.16300000000000001</v>
      </c>
      <c r="H77" s="97">
        <v>6.5360091253852878E-2</v>
      </c>
      <c r="I77" s="161">
        <v>0.39300000000000002</v>
      </c>
      <c r="J77" s="97">
        <v>8.4504582682652901E-2</v>
      </c>
      <c r="K77" s="96">
        <v>8.0000000000000002E-3</v>
      </c>
      <c r="L77" s="97">
        <v>2.5726394387740405E-2</v>
      </c>
    </row>
    <row r="78" spans="1:12">
      <c r="A78" s="53" t="s">
        <v>447</v>
      </c>
      <c r="B78" s="83">
        <v>179</v>
      </c>
      <c r="C78" s="157">
        <v>3.84</v>
      </c>
      <c r="D78" s="86">
        <v>0.29399999999999998</v>
      </c>
      <c r="E78" s="160">
        <v>0.49099999999999999</v>
      </c>
      <c r="F78" s="94">
        <v>7.3910668615408015E-2</v>
      </c>
      <c r="G78" s="160">
        <v>0.127</v>
      </c>
      <c r="H78" s="94">
        <v>5.0546017680456107E-2</v>
      </c>
      <c r="I78" s="160">
        <v>0.35799999999999998</v>
      </c>
      <c r="J78" s="94">
        <v>7.1012636850996916E-2</v>
      </c>
      <c r="K78" s="93">
        <v>2.4E-2</v>
      </c>
      <c r="L78" s="94">
        <v>2.6946906226940549E-2</v>
      </c>
    </row>
    <row r="79" spans="1:12">
      <c r="A79" s="49" t="s">
        <v>446</v>
      </c>
      <c r="B79" s="158">
        <v>114</v>
      </c>
      <c r="C79" s="159">
        <v>3.5</v>
      </c>
      <c r="D79" s="87">
        <v>0.3332</v>
      </c>
      <c r="E79" s="161">
        <v>0.55500000000000005</v>
      </c>
      <c r="F79" s="97">
        <v>9.1536157296711038E-2</v>
      </c>
      <c r="G79" s="161">
        <v>0.124</v>
      </c>
      <c r="H79" s="97">
        <v>6.3257975739438185E-2</v>
      </c>
      <c r="I79" s="161">
        <v>0.29899999999999999</v>
      </c>
      <c r="J79" s="97">
        <v>8.4831163576781152E-2</v>
      </c>
      <c r="K79" s="96">
        <v>2.3E-2</v>
      </c>
      <c r="L79" s="97">
        <v>3.5717935702049071E-2</v>
      </c>
    </row>
    <row r="80" spans="1:12">
      <c r="A80" s="57" t="s">
        <v>451</v>
      </c>
      <c r="B80" s="156">
        <v>59</v>
      </c>
      <c r="C80" s="157">
        <v>2.99</v>
      </c>
      <c r="D80" s="86">
        <v>0.49</v>
      </c>
      <c r="E80" s="160">
        <v>0.69699999999999995</v>
      </c>
      <c r="F80" s="94">
        <v>0.11709789108166721</v>
      </c>
      <c r="G80" s="160">
        <v>0.11799999999999999</v>
      </c>
      <c r="H80" s="94">
        <v>8.8017955155974797E-2</v>
      </c>
      <c r="I80" s="160">
        <v>0.17199999999999999</v>
      </c>
      <c r="J80" s="94">
        <v>9.9408971893817102E-2</v>
      </c>
      <c r="K80" s="93">
        <v>1.2E-2</v>
      </c>
      <c r="L80" s="94">
        <v>5.1106171348859732E-2</v>
      </c>
    </row>
    <row r="81" spans="1:26">
      <c r="A81" s="49" t="s">
        <v>448</v>
      </c>
      <c r="B81" s="158">
        <v>105</v>
      </c>
      <c r="C81" s="159">
        <v>4.01</v>
      </c>
      <c r="D81" s="87">
        <v>0.39200000000000002</v>
      </c>
      <c r="E81" s="161">
        <v>0.42899999999999999</v>
      </c>
      <c r="F81" s="97">
        <v>9.4882291731922988E-2</v>
      </c>
      <c r="G81" s="161">
        <v>0.1</v>
      </c>
      <c r="H81" s="97">
        <v>6.1039211096594589E-2</v>
      </c>
      <c r="I81" s="161">
        <v>0.43</v>
      </c>
      <c r="J81" s="97">
        <v>9.4907590836555894E-2</v>
      </c>
      <c r="K81" s="96">
        <v>0.04</v>
      </c>
      <c r="L81" s="97">
        <v>4.4369307538059233E-2</v>
      </c>
    </row>
    <row r="82" spans="1:26">
      <c r="A82" s="57" t="s">
        <v>449</v>
      </c>
      <c r="B82" s="156">
        <v>137</v>
      </c>
      <c r="C82" s="157">
        <v>4.59</v>
      </c>
      <c r="D82" s="86">
        <v>0.3332</v>
      </c>
      <c r="E82" s="160">
        <v>0.28299999999999997</v>
      </c>
      <c r="F82" s="94">
        <v>7.6361369243986413E-2</v>
      </c>
      <c r="G82" s="160">
        <v>0.12</v>
      </c>
      <c r="H82" s="94">
        <v>5.678794606470644E-2</v>
      </c>
      <c r="I82" s="160">
        <v>0.57699999999999996</v>
      </c>
      <c r="J82" s="94">
        <v>8.3267087241297014E-2</v>
      </c>
      <c r="K82" s="93">
        <v>2.1000000000000001E-2</v>
      </c>
      <c r="L82" s="94">
        <v>3.0778217222058774E-2</v>
      </c>
    </row>
    <row r="90" spans="1:26" ht="18.75">
      <c r="A90" s="325" t="s">
        <v>44</v>
      </c>
      <c r="B90" s="325"/>
      <c r="C90" s="325"/>
      <c r="D90" s="325"/>
      <c r="E90" s="325"/>
      <c r="F90" s="325"/>
      <c r="G90" s="325"/>
      <c r="H90" s="325"/>
      <c r="I90" s="325"/>
      <c r="J90" s="325"/>
      <c r="K90" s="325"/>
      <c r="L90" s="325"/>
    </row>
    <row r="91" spans="1:26" ht="80.25" customHeight="1">
      <c r="A91" s="384" t="s">
        <v>379</v>
      </c>
      <c r="B91" s="384"/>
      <c r="C91" s="384"/>
      <c r="D91" s="384"/>
      <c r="E91" s="384"/>
      <c r="F91" s="384"/>
      <c r="G91" s="384"/>
      <c r="H91" s="384"/>
      <c r="I91" s="384"/>
      <c r="J91" s="384"/>
      <c r="K91" s="384"/>
      <c r="L91" s="384"/>
    </row>
    <row r="92" spans="1:26" ht="50.25" customHeight="1">
      <c r="A92" s="380" t="s">
        <v>317</v>
      </c>
      <c r="B92" s="381"/>
      <c r="C92" s="381"/>
      <c r="D92" s="381"/>
      <c r="E92" s="381"/>
      <c r="F92" s="381"/>
      <c r="G92" s="381"/>
      <c r="H92" s="381"/>
      <c r="I92" s="381"/>
      <c r="J92" s="381"/>
      <c r="K92" s="381"/>
      <c r="L92" s="381"/>
      <c r="N92" s="249"/>
      <c r="O92" s="249"/>
      <c r="P92" s="249"/>
      <c r="Q92" s="249"/>
      <c r="R92" s="249"/>
      <c r="S92" s="249"/>
      <c r="T92" s="249"/>
      <c r="U92" s="249"/>
      <c r="V92" s="249"/>
      <c r="W92" s="249"/>
      <c r="X92" s="249"/>
    </row>
    <row r="93" spans="1:26" ht="38.25" customHeight="1">
      <c r="A93" s="37" t="s">
        <v>85</v>
      </c>
      <c r="B93" s="38" t="s">
        <v>86</v>
      </c>
      <c r="C93" s="39" t="s">
        <v>87</v>
      </c>
      <c r="D93" s="40" t="s">
        <v>88</v>
      </c>
      <c r="E93" s="38" t="s">
        <v>426</v>
      </c>
      <c r="F93" s="40" t="s">
        <v>427</v>
      </c>
      <c r="G93" s="38" t="s">
        <v>422</v>
      </c>
      <c r="H93" s="40" t="s">
        <v>424</v>
      </c>
      <c r="I93" s="38" t="s">
        <v>428</v>
      </c>
      <c r="J93" s="40" t="s">
        <v>429</v>
      </c>
      <c r="K93" s="38" t="s">
        <v>357</v>
      </c>
      <c r="L93" s="89" t="s">
        <v>371</v>
      </c>
      <c r="P93" s="249"/>
      <c r="Q93" s="249"/>
      <c r="R93" s="249"/>
      <c r="S93" s="249"/>
      <c r="T93" s="249"/>
      <c r="U93" s="249"/>
      <c r="V93" s="249"/>
      <c r="W93" s="249"/>
      <c r="X93" s="249"/>
      <c r="Y93" s="249"/>
      <c r="Z93" s="249"/>
    </row>
    <row r="94" spans="1:26" ht="72">
      <c r="A94" s="41"/>
      <c r="B94" s="42" t="s">
        <v>89</v>
      </c>
      <c r="C94" s="126" t="s">
        <v>359</v>
      </c>
      <c r="D94" s="44" t="s">
        <v>91</v>
      </c>
      <c r="E94" s="42" t="s">
        <v>421</v>
      </c>
      <c r="F94" s="44" t="s">
        <v>104</v>
      </c>
      <c r="G94" s="42" t="s">
        <v>423</v>
      </c>
      <c r="H94" s="44" t="s">
        <v>104</v>
      </c>
      <c r="I94" s="42" t="s">
        <v>181</v>
      </c>
      <c r="J94" s="44" t="s">
        <v>104</v>
      </c>
      <c r="K94" s="42" t="s">
        <v>357</v>
      </c>
      <c r="L94" s="91" t="s">
        <v>104</v>
      </c>
      <c r="P94" s="254"/>
      <c r="Q94" s="254"/>
      <c r="R94" s="254"/>
      <c r="S94" s="254"/>
      <c r="T94" s="254"/>
      <c r="U94" s="254"/>
      <c r="V94" s="254"/>
      <c r="W94" s="249"/>
      <c r="X94" s="249"/>
      <c r="Y94" s="249"/>
      <c r="Z94" s="249"/>
    </row>
    <row r="95" spans="1:26">
      <c r="A95" s="45" t="s">
        <v>435</v>
      </c>
      <c r="B95" s="162">
        <v>10767</v>
      </c>
      <c r="C95" s="157">
        <v>4.12</v>
      </c>
      <c r="D95" s="86">
        <v>3.9199999999999999E-2</v>
      </c>
      <c r="E95" s="165">
        <v>0.16</v>
      </c>
      <c r="F95" s="94">
        <v>7.0670842622171217E-3</v>
      </c>
      <c r="G95" s="164">
        <v>0.41200000000000003</v>
      </c>
      <c r="H95" s="94">
        <v>9.4851544785253435E-3</v>
      </c>
      <c r="I95" s="164">
        <v>0.27700000000000002</v>
      </c>
      <c r="J95" s="94">
        <v>8.6248401091277519E-3</v>
      </c>
      <c r="K95" s="93">
        <v>0.151</v>
      </c>
      <c r="L95" s="94">
        <v>6.9023575547351628E-3</v>
      </c>
    </row>
    <row r="96" spans="1:26">
      <c r="A96" s="49" t="s">
        <v>436</v>
      </c>
      <c r="B96" s="163">
        <v>8855</v>
      </c>
      <c r="C96" s="159">
        <v>4.12</v>
      </c>
      <c r="D96" s="87">
        <v>3.9199999999999999E-2</v>
      </c>
      <c r="E96" s="167">
        <v>0.14699999999999999</v>
      </c>
      <c r="F96" s="97">
        <v>7.5277565493569645E-3</v>
      </c>
      <c r="G96" s="166">
        <v>0.39500000000000002</v>
      </c>
      <c r="H96" s="97">
        <v>1.0387784331419975E-2</v>
      </c>
      <c r="I96" s="166">
        <v>0.26300000000000001</v>
      </c>
      <c r="J96" s="97">
        <v>9.3563415436554651E-3</v>
      </c>
      <c r="K96" s="96">
        <v>0.19500000000000001</v>
      </c>
      <c r="L96" s="97">
        <v>8.4211041658892351E-3</v>
      </c>
    </row>
    <row r="97" spans="1:12">
      <c r="A97" s="53" t="s">
        <v>437</v>
      </c>
      <c r="B97" s="162">
        <v>1801</v>
      </c>
      <c r="C97" s="157">
        <v>3.95</v>
      </c>
      <c r="D97" s="86">
        <v>7.8399999999999997E-2</v>
      </c>
      <c r="E97" s="165">
        <v>0.15820000000000001</v>
      </c>
      <c r="F97" s="94">
        <v>1.7212375894735885E-2</v>
      </c>
      <c r="G97" s="164">
        <v>0.42830000000000001</v>
      </c>
      <c r="H97" s="94">
        <v>2.3295375160059667E-2</v>
      </c>
      <c r="I97" s="164">
        <v>0.33699999999999997</v>
      </c>
      <c r="J97" s="94">
        <v>2.2257551956224617E-2</v>
      </c>
      <c r="K97" s="93">
        <v>7.6499999999999999E-2</v>
      </c>
      <c r="L97" s="94">
        <v>1.2582517196983715E-2</v>
      </c>
    </row>
    <row r="98" spans="1:12">
      <c r="A98" s="49" t="s">
        <v>438</v>
      </c>
      <c r="B98" s="163">
        <v>99</v>
      </c>
      <c r="C98" s="159">
        <v>5.63</v>
      </c>
      <c r="D98" s="87">
        <v>0.29399999999999998</v>
      </c>
      <c r="E98" s="167">
        <v>0.58399999999999996</v>
      </c>
      <c r="F98" s="97">
        <v>9.7239849057998637E-2</v>
      </c>
      <c r="G98" s="166">
        <v>0.3</v>
      </c>
      <c r="H98" s="97">
        <v>9.0959602679136747E-2</v>
      </c>
      <c r="I98" s="166">
        <v>7.2999999999999995E-2</v>
      </c>
      <c r="J98" s="97">
        <v>5.6278605021639526E-2</v>
      </c>
      <c r="K98" s="96">
        <v>4.2999999999999997E-2</v>
      </c>
      <c r="L98" s="97">
        <v>4.7072472615717675E-2</v>
      </c>
    </row>
    <row r="99" spans="1:12">
      <c r="A99" s="53" t="s">
        <v>439</v>
      </c>
      <c r="B99" s="162">
        <v>676</v>
      </c>
      <c r="C99" s="157">
        <v>3.63</v>
      </c>
      <c r="D99" s="86">
        <v>0.13720000000000002</v>
      </c>
      <c r="E99" s="165">
        <v>0.11</v>
      </c>
      <c r="F99" s="94">
        <v>2.4215229625531524E-2</v>
      </c>
      <c r="G99" s="164">
        <v>0.28700000000000003</v>
      </c>
      <c r="H99" s="94">
        <v>3.4739635193958535E-2</v>
      </c>
      <c r="I99" s="164">
        <v>0.38500000000000001</v>
      </c>
      <c r="J99" s="94">
        <v>3.7332380726690505E-2</v>
      </c>
      <c r="K99" s="93">
        <v>0.218</v>
      </c>
      <c r="L99" s="94">
        <v>3.1753538457301611E-2</v>
      </c>
    </row>
    <row r="100" spans="1:12">
      <c r="A100" s="49" t="s">
        <v>440</v>
      </c>
      <c r="B100" s="163">
        <v>290</v>
      </c>
      <c r="C100" s="159">
        <v>3.08</v>
      </c>
      <c r="D100" s="87">
        <v>0.19600000000000001</v>
      </c>
      <c r="E100" s="167">
        <v>7.6999999999999999E-2</v>
      </c>
      <c r="F100" s="97">
        <v>3.2136336931706588E-2</v>
      </c>
      <c r="G100" s="166">
        <v>0.19800000000000001</v>
      </c>
      <c r="H100" s="97">
        <v>4.6840423686974567E-2</v>
      </c>
      <c r="I100" s="166">
        <v>0.51</v>
      </c>
      <c r="J100" s="97">
        <v>5.8309834245722815E-2</v>
      </c>
      <c r="K100" s="96">
        <v>0.216</v>
      </c>
      <c r="L100" s="97">
        <v>4.830793951914205E-2</v>
      </c>
    </row>
    <row r="101" spans="1:12">
      <c r="A101" s="53" t="s">
        <v>441</v>
      </c>
      <c r="B101" s="162">
        <v>83</v>
      </c>
      <c r="C101" s="157">
        <v>3.75</v>
      </c>
      <c r="D101" s="86">
        <v>0.47039999999999998</v>
      </c>
      <c r="E101" s="165">
        <v>0.13100000000000001</v>
      </c>
      <c r="F101" s="94">
        <v>7.6134099161417015E-2</v>
      </c>
      <c r="G101" s="164">
        <v>0.14799999999999999</v>
      </c>
      <c r="H101" s="94">
        <v>7.943118249982678E-2</v>
      </c>
      <c r="I101" s="164">
        <v>0.28100000000000003</v>
      </c>
      <c r="J101" s="94">
        <v>9.7402547307898102E-2</v>
      </c>
      <c r="K101" s="93">
        <v>0.44</v>
      </c>
      <c r="L101" s="94">
        <v>0.10650636471071538</v>
      </c>
    </row>
    <row r="102" spans="1:12">
      <c r="A102" s="49" t="s">
        <v>442</v>
      </c>
      <c r="B102" s="163">
        <v>153</v>
      </c>
      <c r="C102" s="159">
        <v>4.29</v>
      </c>
      <c r="D102" s="87">
        <v>0.25480000000000003</v>
      </c>
      <c r="E102" s="167">
        <v>0.128</v>
      </c>
      <c r="F102" s="97">
        <v>5.4964397760857577E-2</v>
      </c>
      <c r="G102" s="166">
        <v>0.46599999999999997</v>
      </c>
      <c r="H102" s="97">
        <v>7.9633260356394411E-2</v>
      </c>
      <c r="I102" s="166">
        <v>0.218</v>
      </c>
      <c r="J102" s="97">
        <v>6.6672802777885148E-2</v>
      </c>
      <c r="K102" s="96">
        <v>0.188</v>
      </c>
      <c r="L102" s="97">
        <v>6.3356843297768459E-2</v>
      </c>
    </row>
    <row r="103" spans="1:12">
      <c r="A103" s="53" t="s">
        <v>443</v>
      </c>
      <c r="B103" s="162">
        <v>144</v>
      </c>
      <c r="C103" s="157">
        <v>3.95</v>
      </c>
      <c r="D103" s="86">
        <v>0.27440000000000003</v>
      </c>
      <c r="E103" s="165">
        <v>0.14699999999999999</v>
      </c>
      <c r="F103" s="94">
        <v>5.9737172027414076E-2</v>
      </c>
      <c r="G103" s="164">
        <v>0.34199999999999997</v>
      </c>
      <c r="H103" s="94">
        <v>7.8217847240588292E-2</v>
      </c>
      <c r="I103" s="164">
        <v>0.35899999999999999</v>
      </c>
      <c r="J103" s="94">
        <v>7.9044825867832888E-2</v>
      </c>
      <c r="K103" s="93">
        <v>0.152</v>
      </c>
      <c r="L103" s="94">
        <v>6.048312262050981E-2</v>
      </c>
    </row>
    <row r="104" spans="1:12">
      <c r="A104" s="49" t="s">
        <v>444</v>
      </c>
      <c r="B104" s="163">
        <v>738</v>
      </c>
      <c r="C104" s="159">
        <v>4.16</v>
      </c>
      <c r="D104" s="87">
        <v>0.1176</v>
      </c>
      <c r="E104" s="167">
        <v>0.156</v>
      </c>
      <c r="F104" s="97">
        <v>2.6770102491426015E-2</v>
      </c>
      <c r="G104" s="166">
        <v>0.436</v>
      </c>
      <c r="H104" s="97">
        <v>3.6412435502852912E-2</v>
      </c>
      <c r="I104" s="166">
        <v>0.28200000000000003</v>
      </c>
      <c r="J104" s="97">
        <v>3.307974576278884E-2</v>
      </c>
      <c r="K104" s="96">
        <v>0.125</v>
      </c>
      <c r="L104" s="97">
        <v>2.4449418139840747E-2</v>
      </c>
    </row>
    <row r="105" spans="1:12">
      <c r="A105" s="45" t="s">
        <v>445</v>
      </c>
      <c r="B105" s="162">
        <v>555</v>
      </c>
      <c r="C105" s="157">
        <v>4.1500000000000004</v>
      </c>
      <c r="D105" s="86">
        <v>0.13720000000000002</v>
      </c>
      <c r="E105" s="165">
        <v>0.155</v>
      </c>
      <c r="F105" s="94">
        <v>3.0811598364037813E-2</v>
      </c>
      <c r="G105" s="164">
        <v>0.40200000000000002</v>
      </c>
      <c r="H105" s="94">
        <v>4.1486938150360475E-2</v>
      </c>
      <c r="I105" s="164">
        <v>0.29699999999999999</v>
      </c>
      <c r="J105" s="94">
        <v>3.8707068604315428E-2</v>
      </c>
      <c r="K105" s="93">
        <v>0.14599999999999999</v>
      </c>
      <c r="L105" s="94">
        <v>3.0082892583211805E-2</v>
      </c>
    </row>
    <row r="106" spans="1:12" ht="25.5">
      <c r="A106" s="49" t="s">
        <v>450</v>
      </c>
      <c r="B106" s="163">
        <v>138</v>
      </c>
      <c r="C106" s="159">
        <v>4.46</v>
      </c>
      <c r="D106" s="87">
        <v>0.29399999999999998</v>
      </c>
      <c r="E106" s="167">
        <v>0.27600000000000002</v>
      </c>
      <c r="F106" s="97">
        <v>7.5547019698462059E-2</v>
      </c>
      <c r="G106" s="166">
        <v>0.36899999999999999</v>
      </c>
      <c r="H106" s="97">
        <v>8.1152299831503905E-2</v>
      </c>
      <c r="I106" s="166">
        <v>0.26800000000000002</v>
      </c>
      <c r="J106" s="97">
        <v>7.49019319485804E-2</v>
      </c>
      <c r="K106" s="96">
        <v>8.7999999999999995E-2</v>
      </c>
      <c r="L106" s="97">
        <v>5.0262508503435409E-2</v>
      </c>
    </row>
    <row r="107" spans="1:12">
      <c r="A107" s="53" t="s">
        <v>447</v>
      </c>
      <c r="B107" s="162">
        <v>183</v>
      </c>
      <c r="C107" s="157">
        <v>3.97</v>
      </c>
      <c r="D107" s="86">
        <v>0.21559999999999999</v>
      </c>
      <c r="E107" s="165">
        <v>0.10100000000000001</v>
      </c>
      <c r="F107" s="94">
        <v>4.5676588241483664E-2</v>
      </c>
      <c r="G107" s="164">
        <v>0.38800000000000001</v>
      </c>
      <c r="H107" s="94">
        <v>7.1348643467527922E-2</v>
      </c>
      <c r="I107" s="164">
        <v>0.27700000000000002</v>
      </c>
      <c r="J107" s="94">
        <v>6.5794314147347668E-2</v>
      </c>
      <c r="K107" s="93">
        <v>0.23400000000000001</v>
      </c>
      <c r="L107" s="94">
        <v>6.243518485238795E-2</v>
      </c>
    </row>
    <row r="108" spans="1:12">
      <c r="A108" s="49" t="s">
        <v>446</v>
      </c>
      <c r="B108" s="163">
        <v>117</v>
      </c>
      <c r="C108" s="159">
        <v>4.04</v>
      </c>
      <c r="D108" s="87">
        <v>0.27440000000000003</v>
      </c>
      <c r="E108" s="167">
        <v>9.8000000000000004E-2</v>
      </c>
      <c r="F108" s="97">
        <v>5.7179999292697778E-2</v>
      </c>
      <c r="G108" s="166">
        <v>0.33800000000000002</v>
      </c>
      <c r="H108" s="97">
        <v>8.6332522718447727E-2</v>
      </c>
      <c r="I108" s="166">
        <v>0.26600000000000001</v>
      </c>
      <c r="J108" s="97">
        <v>8.1068156789626228E-2</v>
      </c>
      <c r="K108" s="96">
        <v>0.29799999999999999</v>
      </c>
      <c r="L108" s="97">
        <v>8.3685596899389411E-2</v>
      </c>
    </row>
    <row r="109" spans="1:12">
      <c r="A109" s="57" t="s">
        <v>451</v>
      </c>
      <c r="B109" s="162">
        <v>152</v>
      </c>
      <c r="C109" s="157">
        <v>4.09</v>
      </c>
      <c r="D109" s="86">
        <v>0.23519999999999999</v>
      </c>
      <c r="E109" s="165">
        <v>0.13100000000000001</v>
      </c>
      <c r="F109" s="94">
        <v>5.5638967776595487E-2</v>
      </c>
      <c r="G109" s="164">
        <v>0.52499999999999991</v>
      </c>
      <c r="H109" s="94">
        <v>7.9969006875929963E-2</v>
      </c>
      <c r="I109" s="164">
        <v>0.27900000000000003</v>
      </c>
      <c r="J109" s="94">
        <v>7.2258715303566923E-2</v>
      </c>
      <c r="K109" s="93">
        <v>6.5000000000000002E-2</v>
      </c>
      <c r="L109" s="94">
        <v>4.2473049635975799E-2</v>
      </c>
    </row>
    <row r="110" spans="1:12">
      <c r="A110" s="49" t="s">
        <v>448</v>
      </c>
      <c r="B110" s="163">
        <v>114</v>
      </c>
      <c r="C110" s="159">
        <v>4.0599999999999996</v>
      </c>
      <c r="D110" s="87">
        <v>0.29399999999999998</v>
      </c>
      <c r="E110" s="167">
        <v>6.0999999999999999E-2</v>
      </c>
      <c r="F110" s="97">
        <v>4.8755139061277743E-2</v>
      </c>
      <c r="G110" s="166">
        <v>0.47499999999999998</v>
      </c>
      <c r="H110" s="97">
        <v>9.1949996487944968E-2</v>
      </c>
      <c r="I110" s="166">
        <v>0.27900000000000003</v>
      </c>
      <c r="J110" s="97">
        <v>8.3242372538882878E-2</v>
      </c>
      <c r="K110" s="96">
        <v>0.184</v>
      </c>
      <c r="L110" s="97">
        <v>7.290559353259192E-2</v>
      </c>
    </row>
    <row r="111" spans="1:12">
      <c r="A111" s="57" t="s">
        <v>449</v>
      </c>
      <c r="B111" s="162">
        <v>142</v>
      </c>
      <c r="C111" s="157">
        <v>3.98</v>
      </c>
      <c r="D111" s="86">
        <v>0.27440000000000003</v>
      </c>
      <c r="E111" s="165">
        <v>0.16300000000000001</v>
      </c>
      <c r="F111" s="94">
        <v>6.2497937038112308E-2</v>
      </c>
      <c r="G111" s="164">
        <v>0.38100000000000001</v>
      </c>
      <c r="H111" s="94">
        <v>8.0512794153731734E-2</v>
      </c>
      <c r="I111" s="164">
        <v>0.35299999999999998</v>
      </c>
      <c r="J111" s="94">
        <v>7.9305000769239006E-2</v>
      </c>
      <c r="K111" s="93">
        <v>0.10299999999999999</v>
      </c>
      <c r="L111" s="94">
        <v>5.2579699900131602E-2</v>
      </c>
    </row>
    <row r="118" spans="13:23">
      <c r="M118" s="249"/>
      <c r="N118" s="249"/>
      <c r="O118" s="249"/>
      <c r="P118" s="249"/>
      <c r="Q118" s="249"/>
      <c r="R118" s="249"/>
      <c r="S118" s="249"/>
      <c r="T118" s="249"/>
      <c r="U118" s="249"/>
      <c r="V118" s="249"/>
      <c r="W118" s="249"/>
    </row>
  </sheetData>
  <mergeCells count="13">
    <mergeCell ref="A63:L63"/>
    <mergeCell ref="A62:L62"/>
    <mergeCell ref="A61:L61"/>
    <mergeCell ref="A92:L92"/>
    <mergeCell ref="A91:L91"/>
    <mergeCell ref="A90:L90"/>
    <mergeCell ref="A3:D3"/>
    <mergeCell ref="A4:D4"/>
    <mergeCell ref="A5:D5"/>
    <mergeCell ref="B34:J34"/>
    <mergeCell ref="K34:S34"/>
    <mergeCell ref="A33:S33"/>
    <mergeCell ref="A32:S32"/>
  </mergeCells>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s431240</cp:lastModifiedBy>
  <dcterms:created xsi:type="dcterms:W3CDTF">2014-05-19T04:59:05Z</dcterms:created>
  <dcterms:modified xsi:type="dcterms:W3CDTF">2018-11-02T00:00:10Z</dcterms:modified>
</cp:coreProperties>
</file>